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0000067_Fw_ オープンデータの更新について\"/>
    </mc:Choice>
  </mc:AlternateContent>
  <bookViews>
    <workbookView xWindow="600" yWindow="120" windowWidth="19395" windowHeight="7830"/>
  </bookViews>
  <sheets>
    <sheet name="受託加工企業一覧" sheetId="3" r:id="rId1"/>
  </sheets>
  <definedNames>
    <definedName name="_xlnm._FilterDatabase" localSheetId="0" hidden="1">受託加工企業一覧!$A$1:$K$89</definedName>
    <definedName name="_xlnm.Print_Area" localSheetId="0">受託加工企業一覧!$A$1:$J$89</definedName>
  </definedNames>
  <calcPr calcId="162913"/>
</workbook>
</file>

<file path=xl/sharedStrings.xml><?xml version="1.0" encoding="utf-8"?>
<sst xmlns="http://schemas.openxmlformats.org/spreadsheetml/2006/main" count="801" uniqueCount="418">
  <si>
    <t>取引ロット</t>
    <rPh sb="0" eb="2">
      <t>トリヒキ</t>
    </rPh>
    <phoneticPr fontId="1"/>
  </si>
  <si>
    <t>納期</t>
    <rPh sb="0" eb="2">
      <t>ノウキ</t>
    </rPh>
    <phoneticPr fontId="1"/>
  </si>
  <si>
    <t>企業名</t>
    <rPh sb="0" eb="2">
      <t>キギョウ</t>
    </rPh>
    <rPh sb="2" eb="3">
      <t>メイ</t>
    </rPh>
    <phoneticPr fontId="1"/>
  </si>
  <si>
    <t>電話</t>
    <rPh sb="0" eb="2">
      <t>デンワ</t>
    </rPh>
    <phoneticPr fontId="1"/>
  </si>
  <si>
    <t>ＦＡＸ</t>
    <phoneticPr fontId="1"/>
  </si>
  <si>
    <t>得意とする加工内容・技術</t>
    <rPh sb="0" eb="2">
      <t>トクイ</t>
    </rPh>
    <rPh sb="5" eb="7">
      <t>カコウ</t>
    </rPh>
    <rPh sb="7" eb="9">
      <t>ナイヨウ</t>
    </rPh>
    <rPh sb="10" eb="12">
      <t>ギジュツ</t>
    </rPh>
    <phoneticPr fontId="1"/>
  </si>
  <si>
    <t>相談に応じます</t>
    <rPh sb="0" eb="2">
      <t>ソウダン</t>
    </rPh>
    <rPh sb="3" eb="4">
      <t>オウ</t>
    </rPh>
    <phoneticPr fontId="1"/>
  </si>
  <si>
    <t>石見食品㈱</t>
    <rPh sb="0" eb="2">
      <t>イワミ</t>
    </rPh>
    <rPh sb="2" eb="4">
      <t>ショクヒン</t>
    </rPh>
    <phoneticPr fontId="1"/>
  </si>
  <si>
    <t>大豆製品（豆腐、油揚げなど）に係る製造</t>
    <rPh sb="0" eb="2">
      <t>ダイズ</t>
    </rPh>
    <rPh sb="2" eb="4">
      <t>セイヒン</t>
    </rPh>
    <rPh sb="5" eb="7">
      <t>トウフ</t>
    </rPh>
    <rPh sb="8" eb="9">
      <t>アブラ</t>
    </rPh>
    <rPh sb="9" eb="10">
      <t>ア</t>
    </rPh>
    <rPh sb="15" eb="16">
      <t>カカ</t>
    </rPh>
    <rPh sb="17" eb="19">
      <t>セイゾウ</t>
    </rPh>
    <phoneticPr fontId="1"/>
  </si>
  <si>
    <t>0855-28-1211</t>
    <phoneticPr fontId="1"/>
  </si>
  <si>
    <t>0855-28-3330</t>
    <phoneticPr fontId="1"/>
  </si>
  <si>
    <t>大田農水加工協同組合</t>
    <rPh sb="0" eb="2">
      <t>オオダ</t>
    </rPh>
    <rPh sb="2" eb="4">
      <t>ノウスイ</t>
    </rPh>
    <rPh sb="4" eb="6">
      <t>カコウ</t>
    </rPh>
    <rPh sb="6" eb="8">
      <t>キョウドウ</t>
    </rPh>
    <rPh sb="8" eb="10">
      <t>クミアイ</t>
    </rPh>
    <phoneticPr fontId="1"/>
  </si>
  <si>
    <t>フリーズドライ加工（水産、農産関わらず、味噌汁等、色々加工品まで）</t>
    <rPh sb="7" eb="9">
      <t>カコウ</t>
    </rPh>
    <rPh sb="10" eb="12">
      <t>スイサン</t>
    </rPh>
    <rPh sb="13" eb="15">
      <t>ノウサン</t>
    </rPh>
    <rPh sb="15" eb="16">
      <t>カカ</t>
    </rPh>
    <rPh sb="20" eb="23">
      <t>ミソシル</t>
    </rPh>
    <rPh sb="23" eb="24">
      <t>トウ</t>
    </rPh>
    <rPh sb="25" eb="27">
      <t>イロイロ</t>
    </rPh>
    <rPh sb="27" eb="30">
      <t>カコウヒン</t>
    </rPh>
    <phoneticPr fontId="1"/>
  </si>
  <si>
    <t>ＯＥＭ受託　加工品色々</t>
    <rPh sb="3" eb="5">
      <t>ジュタク</t>
    </rPh>
    <rPh sb="6" eb="9">
      <t>カコウヒン</t>
    </rPh>
    <rPh sb="9" eb="11">
      <t>イロイロ</t>
    </rPh>
    <phoneticPr fontId="1"/>
  </si>
  <si>
    <t>ライスバーガー受託製造</t>
    <rPh sb="7" eb="9">
      <t>ジュタク</t>
    </rPh>
    <rPh sb="9" eb="11">
      <t>セイゾウ</t>
    </rPh>
    <phoneticPr fontId="1"/>
  </si>
  <si>
    <t>冷凍食品の製造</t>
    <rPh sb="0" eb="2">
      <t>レイトウ</t>
    </rPh>
    <rPh sb="2" eb="4">
      <t>ショクヒン</t>
    </rPh>
    <rPh sb="5" eb="7">
      <t>セイゾウ</t>
    </rPh>
    <phoneticPr fontId="1"/>
  </si>
  <si>
    <t>0854-83-7755</t>
    <phoneticPr fontId="1"/>
  </si>
  <si>
    <t>0854-82-3062</t>
    <phoneticPr fontId="1"/>
  </si>
  <si>
    <t>猪加工販売センター</t>
    <rPh sb="0" eb="1">
      <t>イノシシ</t>
    </rPh>
    <rPh sb="1" eb="3">
      <t>カコウ</t>
    </rPh>
    <rPh sb="3" eb="5">
      <t>ハンバイ</t>
    </rPh>
    <phoneticPr fontId="1"/>
  </si>
  <si>
    <t>精肉の加工</t>
    <rPh sb="0" eb="2">
      <t>セイニク</t>
    </rPh>
    <rPh sb="3" eb="5">
      <t>カコウ</t>
    </rPh>
    <phoneticPr fontId="1"/>
  </si>
  <si>
    <t>0855-93-0881</t>
    <phoneticPr fontId="1"/>
  </si>
  <si>
    <t>榎木の郷</t>
    <rPh sb="0" eb="2">
      <t>エノキ</t>
    </rPh>
    <rPh sb="3" eb="4">
      <t>サト</t>
    </rPh>
    <phoneticPr fontId="1"/>
  </si>
  <si>
    <t>惣菜製造</t>
    <rPh sb="0" eb="2">
      <t>ソウザイ</t>
    </rPh>
    <rPh sb="2" eb="4">
      <t>セイゾウ</t>
    </rPh>
    <phoneticPr fontId="1"/>
  </si>
  <si>
    <t>食肉製品の製造（ハム、ソーセージ、ベーコン、薫製など）</t>
    <rPh sb="0" eb="2">
      <t>ショクニク</t>
    </rPh>
    <rPh sb="2" eb="4">
      <t>セイヒン</t>
    </rPh>
    <rPh sb="5" eb="7">
      <t>セイゾウ</t>
    </rPh>
    <rPh sb="22" eb="24">
      <t>クンセイ</t>
    </rPh>
    <phoneticPr fontId="1"/>
  </si>
  <si>
    <t>15kg～(相談に応じます)</t>
    <rPh sb="6" eb="8">
      <t>ソウダン</t>
    </rPh>
    <rPh sb="9" eb="10">
      <t>オウ</t>
    </rPh>
    <phoneticPr fontId="1"/>
  </si>
  <si>
    <t>0853-25-7880</t>
    <phoneticPr fontId="1"/>
  </si>
  <si>
    <t>0853-25-7881</t>
  </si>
  <si>
    <t>㈱岡田屋本店</t>
    <rPh sb="1" eb="3">
      <t>オカダ</t>
    </rPh>
    <rPh sb="3" eb="4">
      <t>ヤ</t>
    </rPh>
    <rPh sb="4" eb="6">
      <t>ホンテン</t>
    </rPh>
    <phoneticPr fontId="1"/>
  </si>
  <si>
    <t>パウチ袋入り甘酒の製造</t>
    <rPh sb="3" eb="4">
      <t>フクロ</t>
    </rPh>
    <rPh sb="4" eb="5">
      <t>イ</t>
    </rPh>
    <rPh sb="6" eb="8">
      <t>アマザケ</t>
    </rPh>
    <rPh sb="9" eb="11">
      <t>セイゾウ</t>
    </rPh>
    <phoneticPr fontId="1"/>
  </si>
  <si>
    <t>0856-22-0127</t>
    <phoneticPr fontId="1"/>
  </si>
  <si>
    <t>0856-23-6747</t>
    <phoneticPr fontId="1"/>
  </si>
  <si>
    <t>千登世</t>
    <rPh sb="0" eb="3">
      <t>チトセ</t>
    </rPh>
    <phoneticPr fontId="1"/>
  </si>
  <si>
    <t>水産練り製品（かまぼこ）</t>
    <rPh sb="0" eb="2">
      <t>スイサン</t>
    </rPh>
    <rPh sb="2" eb="3">
      <t>ネ</t>
    </rPh>
    <rPh sb="4" eb="6">
      <t>セイヒン</t>
    </rPh>
    <phoneticPr fontId="1"/>
  </si>
  <si>
    <t>2日</t>
    <rPh sb="1" eb="2">
      <t>カ</t>
    </rPh>
    <phoneticPr fontId="1"/>
  </si>
  <si>
    <t>0853-62-2108</t>
    <phoneticPr fontId="1"/>
  </si>
  <si>
    <t>0853-63-3692</t>
    <phoneticPr fontId="1"/>
  </si>
  <si>
    <t>㈱出雲国大社食品</t>
    <rPh sb="1" eb="3">
      <t>イズモ</t>
    </rPh>
    <rPh sb="3" eb="4">
      <t>クニ</t>
    </rPh>
    <rPh sb="4" eb="6">
      <t>タイシャ</t>
    </rPh>
    <rPh sb="6" eb="8">
      <t>ショクヒン</t>
    </rPh>
    <phoneticPr fontId="1"/>
  </si>
  <si>
    <t>水産練製品の製造</t>
    <rPh sb="0" eb="2">
      <t>スイサン</t>
    </rPh>
    <rPh sb="2" eb="3">
      <t>ネ</t>
    </rPh>
    <rPh sb="3" eb="5">
      <t>セイヒン</t>
    </rPh>
    <rPh sb="6" eb="8">
      <t>セイゾウ</t>
    </rPh>
    <phoneticPr fontId="1"/>
  </si>
  <si>
    <t>レトルト加工（全カテゴリー）</t>
    <rPh sb="4" eb="6">
      <t>カコウ</t>
    </rPh>
    <rPh sb="7" eb="8">
      <t>ゼン</t>
    </rPh>
    <phoneticPr fontId="1"/>
  </si>
  <si>
    <t>0853-53-2125</t>
    <phoneticPr fontId="1"/>
  </si>
  <si>
    <t>0853-53-5125</t>
    <phoneticPr fontId="1"/>
  </si>
  <si>
    <t>㈲木村有機農園</t>
    <rPh sb="1" eb="3">
      <t>キムラ</t>
    </rPh>
    <rPh sb="3" eb="5">
      <t>ユウキ</t>
    </rPh>
    <rPh sb="5" eb="7">
      <t>ノウエン</t>
    </rPh>
    <phoneticPr fontId="1"/>
  </si>
  <si>
    <t>高アミロース米使用の米粉100%の麺製造</t>
    <rPh sb="0" eb="1">
      <t>コウ</t>
    </rPh>
    <rPh sb="6" eb="7">
      <t>コメ</t>
    </rPh>
    <rPh sb="7" eb="9">
      <t>シヨウ</t>
    </rPh>
    <rPh sb="10" eb="12">
      <t>コメコ</t>
    </rPh>
    <rPh sb="17" eb="18">
      <t>メン</t>
    </rPh>
    <rPh sb="18" eb="20">
      <t>セイゾウ</t>
    </rPh>
    <phoneticPr fontId="1"/>
  </si>
  <si>
    <t>0854-74-0717</t>
    <phoneticPr fontId="1"/>
  </si>
  <si>
    <t>㈲住江建設</t>
    <rPh sb="1" eb="3">
      <t>スミエ</t>
    </rPh>
    <rPh sb="3" eb="5">
      <t>ケンセツ</t>
    </rPh>
    <phoneticPr fontId="1"/>
  </si>
  <si>
    <t>焼き加工（要相談）</t>
    <rPh sb="0" eb="1">
      <t>ヤ</t>
    </rPh>
    <rPh sb="2" eb="4">
      <t>カコウ</t>
    </rPh>
    <rPh sb="5" eb="6">
      <t>ヨウ</t>
    </rPh>
    <rPh sb="6" eb="8">
      <t>ソウダン</t>
    </rPh>
    <phoneticPr fontId="1"/>
  </si>
  <si>
    <t>0855-92-0333</t>
    <phoneticPr fontId="1"/>
  </si>
  <si>
    <t>0855-92-1245</t>
    <phoneticPr fontId="1"/>
  </si>
  <si>
    <t>天然シリカ水充填</t>
    <rPh sb="0" eb="2">
      <t>テンネン</t>
    </rPh>
    <rPh sb="5" eb="6">
      <t>スイ</t>
    </rPh>
    <rPh sb="6" eb="8">
      <t>ジュウテン</t>
    </rPh>
    <phoneticPr fontId="1"/>
  </si>
  <si>
    <t>山陰クボタ水道用材㈱</t>
    <rPh sb="0" eb="2">
      <t>サンイン</t>
    </rPh>
    <rPh sb="5" eb="7">
      <t>スイドウ</t>
    </rPh>
    <rPh sb="7" eb="9">
      <t>ヨウザイ</t>
    </rPh>
    <phoneticPr fontId="1"/>
  </si>
  <si>
    <t>0852-60-5605</t>
    <phoneticPr fontId="1"/>
  </si>
  <si>
    <t>日本茶の製造・加工</t>
    <rPh sb="0" eb="3">
      <t>ニホンチャ</t>
    </rPh>
    <rPh sb="4" eb="6">
      <t>セイゾウ</t>
    </rPh>
    <rPh sb="7" eb="9">
      <t>カコウ</t>
    </rPh>
    <phoneticPr fontId="1"/>
  </si>
  <si>
    <t>小ロットから可</t>
    <rPh sb="0" eb="1">
      <t>ショウ</t>
    </rPh>
    <rPh sb="6" eb="7">
      <t>カ</t>
    </rPh>
    <phoneticPr fontId="1"/>
  </si>
  <si>
    <t>0852-26-5747</t>
    <phoneticPr fontId="1"/>
  </si>
  <si>
    <t>0852-26-5746</t>
    <phoneticPr fontId="1"/>
  </si>
  <si>
    <t>健康茶の製造・加工</t>
    <rPh sb="0" eb="2">
      <t>ケンコウ</t>
    </rPh>
    <rPh sb="2" eb="3">
      <t>チャ</t>
    </rPh>
    <rPh sb="4" eb="6">
      <t>セイゾウ</t>
    </rPh>
    <rPh sb="7" eb="9">
      <t>カコウ</t>
    </rPh>
    <phoneticPr fontId="1"/>
  </si>
  <si>
    <t>㈲森山園</t>
    <rPh sb="1" eb="3">
      <t>モリヤマ</t>
    </rPh>
    <rPh sb="3" eb="4">
      <t>エン</t>
    </rPh>
    <phoneticPr fontId="1"/>
  </si>
  <si>
    <t>豆富の製造（指定大豆での製造可）</t>
    <rPh sb="0" eb="2">
      <t>トウフ</t>
    </rPh>
    <rPh sb="3" eb="5">
      <t>セイゾウ</t>
    </rPh>
    <rPh sb="6" eb="8">
      <t>シテイ</t>
    </rPh>
    <rPh sb="8" eb="10">
      <t>ダイズ</t>
    </rPh>
    <rPh sb="12" eb="14">
      <t>セイゾウ</t>
    </rPh>
    <rPh sb="14" eb="15">
      <t>カ</t>
    </rPh>
    <phoneticPr fontId="1"/>
  </si>
  <si>
    <t>油揚げの製造（指定大豆での製造可）</t>
    <rPh sb="0" eb="2">
      <t>アブラア</t>
    </rPh>
    <rPh sb="4" eb="6">
      <t>セイゾウ</t>
    </rPh>
    <rPh sb="7" eb="9">
      <t>シテイ</t>
    </rPh>
    <rPh sb="9" eb="11">
      <t>ダイズ</t>
    </rPh>
    <rPh sb="13" eb="15">
      <t>セイゾウ</t>
    </rPh>
    <rPh sb="15" eb="16">
      <t>カ</t>
    </rPh>
    <phoneticPr fontId="1"/>
  </si>
  <si>
    <t>㈲角久</t>
    <rPh sb="1" eb="2">
      <t>スミ</t>
    </rPh>
    <rPh sb="2" eb="3">
      <t>ヒサ</t>
    </rPh>
    <phoneticPr fontId="1"/>
  </si>
  <si>
    <t>0854-82-0863</t>
    <phoneticPr fontId="1"/>
  </si>
  <si>
    <t>0854-82-6686</t>
    <phoneticPr fontId="1"/>
  </si>
  <si>
    <t>さんべ食品工業㈱</t>
    <phoneticPr fontId="1"/>
  </si>
  <si>
    <t>ジャム・清涼飲料水の製造</t>
    <rPh sb="4" eb="6">
      <t>セイリョウ</t>
    </rPh>
    <rPh sb="6" eb="9">
      <t>インリョウスイ</t>
    </rPh>
    <rPh sb="10" eb="12">
      <t>セイゾウ</t>
    </rPh>
    <phoneticPr fontId="1"/>
  </si>
  <si>
    <t>10～20日</t>
    <rPh sb="5" eb="6">
      <t>ニチ</t>
    </rPh>
    <phoneticPr fontId="1"/>
  </si>
  <si>
    <t>㈱桃翠園</t>
    <rPh sb="1" eb="4">
      <t>トウスイエン</t>
    </rPh>
    <phoneticPr fontId="3"/>
  </si>
  <si>
    <t>1ｋｇ</t>
    <phoneticPr fontId="3"/>
  </si>
  <si>
    <t>0853-72-0039</t>
    <phoneticPr fontId="3"/>
  </si>
  <si>
    <t>0853-72-0040</t>
    <phoneticPr fontId="3"/>
  </si>
  <si>
    <t>0854-23-2441</t>
    <phoneticPr fontId="1"/>
  </si>
  <si>
    <t>茶の乾燥・粉末加工・焙煎</t>
    <rPh sb="0" eb="1">
      <t>チャ</t>
    </rPh>
    <rPh sb="2" eb="4">
      <t>カンソウ</t>
    </rPh>
    <rPh sb="5" eb="7">
      <t>フンマツ</t>
    </rPh>
    <rPh sb="7" eb="9">
      <t>カコウ</t>
    </rPh>
    <rPh sb="10" eb="12">
      <t>バイセン</t>
    </rPh>
    <phoneticPr fontId="3"/>
  </si>
  <si>
    <t>牛乳・乳製品の製造（牛乳・ヨーグルト・アイスクリーム・ミルクジャム等）</t>
    <rPh sb="0" eb="2">
      <t>ギュウニュウ</t>
    </rPh>
    <rPh sb="3" eb="6">
      <t>ニュウセイヒン</t>
    </rPh>
    <rPh sb="7" eb="9">
      <t>セイゾウ</t>
    </rPh>
    <rPh sb="10" eb="12">
      <t>ギュウニュウ</t>
    </rPh>
    <rPh sb="33" eb="34">
      <t>トウ</t>
    </rPh>
    <phoneticPr fontId="1"/>
  </si>
  <si>
    <t>0854-42-0445</t>
    <phoneticPr fontId="1"/>
  </si>
  <si>
    <t>0854-42-0400</t>
    <phoneticPr fontId="1"/>
  </si>
  <si>
    <t>木次乳業㈲</t>
    <rPh sb="0" eb="2">
      <t>キスキ</t>
    </rPh>
    <rPh sb="2" eb="4">
      <t>ニュウギョウ</t>
    </rPh>
    <phoneticPr fontId="1"/>
  </si>
  <si>
    <t>黒豆甘納豆の製造</t>
    <rPh sb="0" eb="2">
      <t>クロマメ</t>
    </rPh>
    <rPh sb="2" eb="5">
      <t>アマナットウ</t>
    </rPh>
    <rPh sb="6" eb="8">
      <t>セイゾウ</t>
    </rPh>
    <phoneticPr fontId="1"/>
  </si>
  <si>
    <t>原料３０ｋｇから</t>
    <rPh sb="0" eb="2">
      <t>ゲンリョウ</t>
    </rPh>
    <phoneticPr fontId="1"/>
  </si>
  <si>
    <t>0853-62-2048　</t>
    <phoneticPr fontId="1"/>
  </si>
  <si>
    <t>0853-25-7007</t>
    <phoneticPr fontId="1"/>
  </si>
  <si>
    <t>㈲岡伊三郎商店</t>
    <rPh sb="1" eb="7">
      <t>オカイサブロウショウテン</t>
    </rPh>
    <phoneticPr fontId="1"/>
  </si>
  <si>
    <t>0854-83-7330</t>
    <phoneticPr fontId="1"/>
  </si>
  <si>
    <t>0854-83-7331</t>
    <phoneticPr fontId="1"/>
  </si>
  <si>
    <t>食用薔薇商品の製造・加工（飲料、ジャム、ハーブティなど）</t>
    <rPh sb="0" eb="4">
      <t>ショクヨウバラ</t>
    </rPh>
    <rPh sb="4" eb="6">
      <t>ショウヒン</t>
    </rPh>
    <rPh sb="7" eb="9">
      <t>セイゾウ</t>
    </rPh>
    <rPh sb="10" eb="12">
      <t>カコウ</t>
    </rPh>
    <rPh sb="13" eb="15">
      <t>インリョウ</t>
    </rPh>
    <phoneticPr fontId="1"/>
  </si>
  <si>
    <t>㈲奥出雲薔薇園</t>
    <rPh sb="1" eb="7">
      <t>オクイズモバラエン</t>
    </rPh>
    <phoneticPr fontId="1"/>
  </si>
  <si>
    <t>貝類のレトルト殺菌</t>
    <rPh sb="0" eb="2">
      <t>カイルイ</t>
    </rPh>
    <rPh sb="7" eb="9">
      <t>サッキン</t>
    </rPh>
    <phoneticPr fontId="1"/>
  </si>
  <si>
    <t>惣菜類の製造</t>
    <rPh sb="0" eb="2">
      <t>ソウザイ</t>
    </rPh>
    <rPh sb="2" eb="3">
      <t>ルイ</t>
    </rPh>
    <rPh sb="4" eb="6">
      <t>セイゾウ</t>
    </rPh>
    <phoneticPr fontId="1"/>
  </si>
  <si>
    <t>佃煮類の製造</t>
    <rPh sb="0" eb="2">
      <t>ツクダニ</t>
    </rPh>
    <rPh sb="2" eb="3">
      <t>ルイ</t>
    </rPh>
    <rPh sb="4" eb="6">
      <t>セイゾウ</t>
    </rPh>
    <phoneticPr fontId="1"/>
  </si>
  <si>
    <t>サトー食品㈲</t>
    <rPh sb="3" eb="5">
      <t>ショクヒン</t>
    </rPh>
    <phoneticPr fontId="1"/>
  </si>
  <si>
    <t>0853-53-1509</t>
    <phoneticPr fontId="1"/>
  </si>
  <si>
    <t>0853-53-1459</t>
    <phoneticPr fontId="1"/>
  </si>
  <si>
    <t>㈱さんれいフーズ</t>
    <phoneticPr fontId="1"/>
  </si>
  <si>
    <t>0854-22-6938</t>
    <phoneticPr fontId="1"/>
  </si>
  <si>
    <t>054-23-0053</t>
    <phoneticPr fontId="1"/>
  </si>
  <si>
    <t>クリームコロッケ・メンチカツの製造、ソースの煮込み技術</t>
    <rPh sb="15" eb="17">
      <t>セイゾウ</t>
    </rPh>
    <rPh sb="22" eb="24">
      <t>ニコ</t>
    </rPh>
    <rPh sb="25" eb="27">
      <t>ギジュツ</t>
    </rPh>
    <phoneticPr fontId="1"/>
  </si>
  <si>
    <t>㈲宍道湖</t>
    <rPh sb="1" eb="4">
      <t>シンジコ</t>
    </rPh>
    <phoneticPr fontId="1"/>
  </si>
  <si>
    <t>ヤマトシジミのレトルト製品の製造</t>
    <rPh sb="11" eb="13">
      <t>セイヒン</t>
    </rPh>
    <rPh sb="14" eb="16">
      <t>セイゾウ</t>
    </rPh>
    <phoneticPr fontId="1"/>
  </si>
  <si>
    <t>0853-72-0313</t>
    <phoneticPr fontId="1"/>
  </si>
  <si>
    <t>0853-31-7027</t>
    <phoneticPr fontId="1"/>
  </si>
  <si>
    <t>西製茶所</t>
    <rPh sb="0" eb="4">
      <t>ニシ</t>
    </rPh>
    <phoneticPr fontId="1"/>
  </si>
  <si>
    <t>出雲地方産の茶葉を使用した日本茶、国産紅茶のOEM製造</t>
    <rPh sb="0" eb="2">
      <t>イズモ</t>
    </rPh>
    <rPh sb="2" eb="4">
      <t>チホウ</t>
    </rPh>
    <rPh sb="4" eb="5">
      <t>サン</t>
    </rPh>
    <rPh sb="6" eb="8">
      <t>チャバ</t>
    </rPh>
    <rPh sb="9" eb="11">
      <t>シヨウ</t>
    </rPh>
    <rPh sb="13" eb="15">
      <t>ニホン</t>
    </rPh>
    <rPh sb="15" eb="16">
      <t>チャ</t>
    </rPh>
    <rPh sb="17" eb="19">
      <t>コクサン</t>
    </rPh>
    <rPh sb="19" eb="21">
      <t>コウチャ</t>
    </rPh>
    <rPh sb="25" eb="27">
      <t>セイゾウ</t>
    </rPh>
    <phoneticPr fontId="1"/>
  </si>
  <si>
    <t>0853-72-6433</t>
    <phoneticPr fontId="1"/>
  </si>
  <si>
    <t>0853-31-4024</t>
    <phoneticPr fontId="1"/>
  </si>
  <si>
    <t>島根ビール</t>
    <rPh sb="0" eb="5">
      <t>シマネ</t>
    </rPh>
    <phoneticPr fontId="1"/>
  </si>
  <si>
    <t>オリジナルビール（地元フルーツ、スパイス、農作物など使用）15L樽、300ml瓶、350ml缶</t>
    <rPh sb="9" eb="11">
      <t>ジモト</t>
    </rPh>
    <rPh sb="21" eb="24">
      <t>ノウサクモツ</t>
    </rPh>
    <rPh sb="26" eb="28">
      <t>シヨウ</t>
    </rPh>
    <rPh sb="32" eb="33">
      <t>タル</t>
    </rPh>
    <phoneticPr fontId="1"/>
  </si>
  <si>
    <t>約1200L</t>
    <rPh sb="0" eb="1">
      <t>ヤク</t>
    </rPh>
    <phoneticPr fontId="1"/>
  </si>
  <si>
    <t>6ヶ月以上前に要打合せ</t>
    <rPh sb="2" eb="6">
      <t>ゲツイジョウマエ</t>
    </rPh>
    <rPh sb="7" eb="8">
      <t>ヨウ</t>
    </rPh>
    <rPh sb="8" eb="10">
      <t>ウチアワ</t>
    </rPh>
    <phoneticPr fontId="1"/>
  </si>
  <si>
    <t>0852-55-8355</t>
    <phoneticPr fontId="1"/>
  </si>
  <si>
    <t>0852-27-7750</t>
    <phoneticPr fontId="1"/>
  </si>
  <si>
    <t>オリジナルビール（ビールの味もオリジナル）15L樽、300ml瓶、350ml缶</t>
    <rPh sb="13" eb="14">
      <t>アジ</t>
    </rPh>
    <rPh sb="24" eb="25">
      <t>タル</t>
    </rPh>
    <phoneticPr fontId="1"/>
  </si>
  <si>
    <t>オリジナルビール（ラベルのみオリジナル）300ml瓶もしくは350ml缶</t>
    <phoneticPr fontId="1"/>
  </si>
  <si>
    <t>1ヶ月以上前に要打合せ</t>
    <rPh sb="2" eb="3">
      <t>ゲツ</t>
    </rPh>
    <rPh sb="3" eb="6">
      <t>イジョウマエ</t>
    </rPh>
    <rPh sb="7" eb="8">
      <t>ヨウ</t>
    </rPh>
    <rPh sb="8" eb="10">
      <t>ウチアワ</t>
    </rPh>
    <phoneticPr fontId="1"/>
  </si>
  <si>
    <t>㈱JAアグリ島根</t>
    <rPh sb="6" eb="8">
      <t>シマネ</t>
    </rPh>
    <phoneticPr fontId="1"/>
  </si>
  <si>
    <t>青果物のパック詰め</t>
    <rPh sb="0" eb="3">
      <t>セイカブツ</t>
    </rPh>
    <rPh sb="7" eb="8">
      <t>ツ</t>
    </rPh>
    <phoneticPr fontId="1"/>
  </si>
  <si>
    <t>0853-73-9577</t>
    <phoneticPr fontId="1"/>
  </si>
  <si>
    <t>0853-73-9578</t>
    <phoneticPr fontId="1"/>
  </si>
  <si>
    <t>精肉パック加工</t>
    <rPh sb="0" eb="2">
      <t>セイニク</t>
    </rPh>
    <rPh sb="5" eb="7">
      <t>カコウ</t>
    </rPh>
    <phoneticPr fontId="1"/>
  </si>
  <si>
    <t>受託搗精</t>
    <rPh sb="0" eb="2">
      <t>ジュタク</t>
    </rPh>
    <rPh sb="2" eb="4">
      <t>トウセイ</t>
    </rPh>
    <phoneticPr fontId="1"/>
  </si>
  <si>
    <t>0853-72-4183</t>
    <phoneticPr fontId="1"/>
  </si>
  <si>
    <t>0853-72-4108</t>
    <phoneticPr fontId="1"/>
  </si>
  <si>
    <t>(株)エリーゼ</t>
    <rPh sb="0" eb="3">
      <t>カブ</t>
    </rPh>
    <phoneticPr fontId="1"/>
  </si>
  <si>
    <t>超高水圧加工技術を活用した玄米の加工</t>
    <rPh sb="0" eb="1">
      <t>チョウ</t>
    </rPh>
    <rPh sb="1" eb="4">
      <t>コウスイアツ</t>
    </rPh>
    <rPh sb="4" eb="6">
      <t>カコウ</t>
    </rPh>
    <rPh sb="6" eb="8">
      <t>ギジュツ</t>
    </rPh>
    <rPh sb="9" eb="11">
      <t>カツヨウ</t>
    </rPh>
    <rPh sb="13" eb="15">
      <t>ゲンマイ</t>
    </rPh>
    <rPh sb="16" eb="18">
      <t>カコウ</t>
    </rPh>
    <phoneticPr fontId="1"/>
  </si>
  <si>
    <t>0854-76-9341</t>
    <phoneticPr fontId="1"/>
  </si>
  <si>
    <t>0854-76-9345</t>
    <phoneticPr fontId="1"/>
  </si>
  <si>
    <t>超高水圧加工技術を活用した玄米粉の加工</t>
    <rPh sb="0" eb="1">
      <t>チョウ</t>
    </rPh>
    <rPh sb="1" eb="4">
      <t>コウスイアツ</t>
    </rPh>
    <rPh sb="4" eb="6">
      <t>カコウ</t>
    </rPh>
    <rPh sb="6" eb="8">
      <t>ギジュツ</t>
    </rPh>
    <rPh sb="9" eb="11">
      <t>カツヨウ</t>
    </rPh>
    <rPh sb="13" eb="15">
      <t>ゲンマイ</t>
    </rPh>
    <rPh sb="15" eb="16">
      <t>コ</t>
    </rPh>
    <rPh sb="17" eb="19">
      <t>カコウ</t>
    </rPh>
    <phoneticPr fontId="1"/>
  </si>
  <si>
    <t>(株)サンエイト農業事業部</t>
    <rPh sb="0" eb="3">
      <t>カブ</t>
    </rPh>
    <rPh sb="8" eb="10">
      <t>ノウギョウ</t>
    </rPh>
    <rPh sb="10" eb="12">
      <t>ジギョウ</t>
    </rPh>
    <rPh sb="12" eb="13">
      <t>ブ</t>
    </rPh>
    <phoneticPr fontId="1"/>
  </si>
  <si>
    <t>搾油（えごま）</t>
    <rPh sb="0" eb="2">
      <t>サクユ</t>
    </rPh>
    <phoneticPr fontId="1"/>
  </si>
  <si>
    <t>1週間程度</t>
    <rPh sb="1" eb="3">
      <t>シュウカン</t>
    </rPh>
    <rPh sb="3" eb="5">
      <t>テイド</t>
    </rPh>
    <phoneticPr fontId="1"/>
  </si>
  <si>
    <t>0854-52-1075</t>
    <phoneticPr fontId="1"/>
  </si>
  <si>
    <t>0854-52-0373</t>
    <phoneticPr fontId="1"/>
  </si>
  <si>
    <t>㈱エフイーエーシー</t>
    <phoneticPr fontId="1"/>
  </si>
  <si>
    <t>食品分析（細菌・栄養成分・残留農薬・放射能・異物検査等）</t>
    <rPh sb="0" eb="2">
      <t>ショクヒン</t>
    </rPh>
    <rPh sb="2" eb="4">
      <t>ブンセキ</t>
    </rPh>
    <rPh sb="5" eb="7">
      <t>サイキン</t>
    </rPh>
    <rPh sb="8" eb="10">
      <t>エイヨウ</t>
    </rPh>
    <rPh sb="10" eb="12">
      <t>セイブン</t>
    </rPh>
    <rPh sb="13" eb="15">
      <t>ザンリュウ</t>
    </rPh>
    <rPh sb="15" eb="17">
      <t>ノウヤク</t>
    </rPh>
    <rPh sb="18" eb="21">
      <t>ホウシャノウ</t>
    </rPh>
    <rPh sb="22" eb="24">
      <t>イブツ</t>
    </rPh>
    <rPh sb="24" eb="26">
      <t>ケンサ</t>
    </rPh>
    <rPh sb="26" eb="27">
      <t>トウ</t>
    </rPh>
    <phoneticPr fontId="1"/>
  </si>
  <si>
    <t>検査内容により異なります</t>
    <rPh sb="0" eb="2">
      <t>ケンサ</t>
    </rPh>
    <rPh sb="2" eb="4">
      <t>ナイヨウ</t>
    </rPh>
    <rPh sb="7" eb="8">
      <t>コト</t>
    </rPh>
    <phoneticPr fontId="1"/>
  </si>
  <si>
    <t>0853-43-3638</t>
    <phoneticPr fontId="1"/>
  </si>
  <si>
    <t>0853-43-1677</t>
    <phoneticPr fontId="1"/>
  </si>
  <si>
    <t>食品共同開発技術委託</t>
    <rPh sb="0" eb="2">
      <t>ショクヒン</t>
    </rPh>
    <rPh sb="2" eb="4">
      <t>キョウドウ</t>
    </rPh>
    <rPh sb="4" eb="6">
      <t>カイハツ</t>
    </rPh>
    <rPh sb="6" eb="8">
      <t>ギジュツ</t>
    </rPh>
    <rPh sb="8" eb="10">
      <t>イタク</t>
    </rPh>
    <phoneticPr fontId="1"/>
  </si>
  <si>
    <t>委託内容により異なります</t>
    <rPh sb="0" eb="2">
      <t>イタク</t>
    </rPh>
    <rPh sb="2" eb="4">
      <t>ナイヨウ</t>
    </rPh>
    <rPh sb="7" eb="8">
      <t>コト</t>
    </rPh>
    <phoneticPr fontId="1"/>
  </si>
  <si>
    <t>㈱貝援隊</t>
    <rPh sb="1" eb="2">
      <t>カイ</t>
    </rPh>
    <rPh sb="2" eb="3">
      <t>エン</t>
    </rPh>
    <rPh sb="3" eb="4">
      <t>タイ</t>
    </rPh>
    <phoneticPr fontId="1"/>
  </si>
  <si>
    <t>しじみ砂抜き等の二枚貝の蓄養</t>
    <rPh sb="3" eb="4">
      <t>スナ</t>
    </rPh>
    <rPh sb="4" eb="5">
      <t>ヌ</t>
    </rPh>
    <rPh sb="6" eb="7">
      <t>トウ</t>
    </rPh>
    <rPh sb="8" eb="11">
      <t>ニマイガイ</t>
    </rPh>
    <rPh sb="12" eb="14">
      <t>チクヨウ</t>
    </rPh>
    <phoneticPr fontId="1"/>
  </si>
  <si>
    <t>夏季を除く</t>
    <rPh sb="0" eb="2">
      <t>カキ</t>
    </rPh>
    <rPh sb="3" eb="4">
      <t>ノゾ</t>
    </rPh>
    <phoneticPr fontId="1"/>
  </si>
  <si>
    <t>0853-43-2438</t>
    <phoneticPr fontId="1"/>
  </si>
  <si>
    <t>〒</t>
    <phoneticPr fontId="1"/>
  </si>
  <si>
    <t>住所</t>
    <rPh sb="0" eb="2">
      <t>ジュウショ</t>
    </rPh>
    <phoneticPr fontId="1"/>
  </si>
  <si>
    <t>仁多郡奥出雲町三成444番地18</t>
    <phoneticPr fontId="1"/>
  </si>
  <si>
    <t>699-0641</t>
    <phoneticPr fontId="1"/>
  </si>
  <si>
    <t>出雲市斐川町美南1666番地</t>
    <phoneticPr fontId="1"/>
  </si>
  <si>
    <t>飯石郡飯南町上赤名1664番地</t>
    <phoneticPr fontId="1"/>
  </si>
  <si>
    <t>690-0876</t>
    <phoneticPr fontId="1"/>
  </si>
  <si>
    <t>松江市黒田町509-1</t>
    <phoneticPr fontId="1"/>
  </si>
  <si>
    <t>699-0612</t>
    <phoneticPr fontId="1"/>
  </si>
  <si>
    <t>690-3512</t>
    <phoneticPr fontId="1"/>
  </si>
  <si>
    <t>699-1511</t>
    <phoneticPr fontId="1"/>
  </si>
  <si>
    <t>699-0641</t>
    <phoneticPr fontId="1"/>
  </si>
  <si>
    <t>690-0876</t>
    <phoneticPr fontId="1"/>
  </si>
  <si>
    <t>出雲市斐川町出西2720-1</t>
    <phoneticPr fontId="1"/>
  </si>
  <si>
    <t>安来市亀島町12番地3</t>
    <phoneticPr fontId="1"/>
  </si>
  <si>
    <t>692-0071</t>
    <phoneticPr fontId="1"/>
  </si>
  <si>
    <t>大田市長久町長久ロ411番地14</t>
    <phoneticPr fontId="1"/>
  </si>
  <si>
    <t>694-0041</t>
    <phoneticPr fontId="1"/>
  </si>
  <si>
    <t>雲南市木次町東日登228-2</t>
    <phoneticPr fontId="1"/>
  </si>
  <si>
    <t>699-1323</t>
    <phoneticPr fontId="1"/>
  </si>
  <si>
    <t>出雲市斐川町上直江1482</t>
    <phoneticPr fontId="1"/>
  </si>
  <si>
    <t>699-0624</t>
    <phoneticPr fontId="1"/>
  </si>
  <si>
    <t>大田市大田町大田イ403番地5</t>
    <phoneticPr fontId="1"/>
  </si>
  <si>
    <t>694-0064</t>
    <phoneticPr fontId="1"/>
  </si>
  <si>
    <t>692-0011</t>
    <phoneticPr fontId="1"/>
  </si>
  <si>
    <t>松江市東朝日町267-4</t>
    <phoneticPr fontId="1"/>
  </si>
  <si>
    <t>690-0003</t>
    <phoneticPr fontId="1"/>
  </si>
  <si>
    <t>益田市染羽町5-7</t>
    <phoneticPr fontId="1"/>
  </si>
  <si>
    <t>698-0011</t>
    <phoneticPr fontId="1"/>
  </si>
  <si>
    <t>大田市鳥井町鳥井2094-3</t>
    <rPh sb="0" eb="3">
      <t>オオダシ</t>
    </rPh>
    <rPh sb="3" eb="5">
      <t>トリイ</t>
    </rPh>
    <rPh sb="5" eb="6">
      <t>マチ</t>
    </rPh>
    <rPh sb="6" eb="8">
      <t>トリイ</t>
    </rPh>
    <phoneticPr fontId="1"/>
  </si>
  <si>
    <t>694-0054</t>
  </si>
  <si>
    <t>697-0006</t>
  </si>
  <si>
    <t>浜田市下府町388-60</t>
  </si>
  <si>
    <t>699-4504</t>
  </si>
  <si>
    <t>江津市桜江町大貫57-1</t>
  </si>
  <si>
    <t>出雲市斐川町学頭3646-1</t>
    <rPh sb="0" eb="3">
      <t>イズモシ</t>
    </rPh>
    <rPh sb="3" eb="6">
      <t>ヒカワチョウ</t>
    </rPh>
    <rPh sb="6" eb="7">
      <t>ガク</t>
    </rPh>
    <rPh sb="7" eb="8">
      <t>アタマ</t>
    </rPh>
    <phoneticPr fontId="1"/>
  </si>
  <si>
    <t>691-0001</t>
  </si>
  <si>
    <t>出雲市平田町1080</t>
  </si>
  <si>
    <t>699-0702</t>
  </si>
  <si>
    <t>出雲市大社町杵築北3004</t>
  </si>
  <si>
    <t>690-2802</t>
  </si>
  <si>
    <t>出雲市平田町2260-24</t>
    <rPh sb="0" eb="3">
      <t>イズモシ</t>
    </rPh>
    <rPh sb="3" eb="6">
      <t>ヒラタチョウ</t>
    </rPh>
    <phoneticPr fontId="1"/>
  </si>
  <si>
    <t>699-4111</t>
  </si>
  <si>
    <t>江津市桜江町谷住郷1802-1</t>
    <rPh sb="0" eb="3">
      <t>ゴウツシ</t>
    </rPh>
    <rPh sb="3" eb="5">
      <t>サクラエ</t>
    </rPh>
    <rPh sb="5" eb="6">
      <t>マチ</t>
    </rPh>
    <rPh sb="6" eb="7">
      <t>タニ</t>
    </rPh>
    <rPh sb="7" eb="8">
      <t>ス</t>
    </rPh>
    <rPh sb="8" eb="9">
      <t>サト</t>
    </rPh>
    <phoneticPr fontId="1"/>
  </si>
  <si>
    <t>699-0722</t>
  </si>
  <si>
    <t>出雲市大社町北荒木132-1</t>
  </si>
  <si>
    <t>690-0038</t>
  </si>
  <si>
    <t>松江市平成町182番地15クレアヒル松江</t>
  </si>
  <si>
    <t>699-0502</t>
  </si>
  <si>
    <t>出雲市斐川町荘原2750-6</t>
    <rPh sb="6" eb="7">
      <t>ショウ</t>
    </rPh>
    <rPh sb="7" eb="8">
      <t>ハラ</t>
    </rPh>
    <phoneticPr fontId="2"/>
  </si>
  <si>
    <t>雲南市吉田町民谷544</t>
    <rPh sb="0" eb="2">
      <t>ウンナン</t>
    </rPh>
    <rPh sb="2" eb="3">
      <t>シ</t>
    </rPh>
    <rPh sb="3" eb="5">
      <t>ヨシダ</t>
    </rPh>
    <rPh sb="5" eb="6">
      <t>チョウ</t>
    </rPh>
    <rPh sb="6" eb="7">
      <t>ミン</t>
    </rPh>
    <rPh sb="7" eb="8">
      <t>タニ</t>
    </rPh>
    <phoneticPr fontId="2"/>
  </si>
  <si>
    <t>安来市安来町1296-3</t>
    <phoneticPr fontId="1"/>
  </si>
  <si>
    <t>699-0817</t>
    <phoneticPr fontId="1"/>
  </si>
  <si>
    <t>出雲市湖陵町板津1番地</t>
    <rPh sb="0" eb="3">
      <t>イズモシ</t>
    </rPh>
    <rPh sb="3" eb="6">
      <t>コリョウチョウ</t>
    </rPh>
    <rPh sb="6" eb="7">
      <t>イタ</t>
    </rPh>
    <rPh sb="7" eb="8">
      <t>ツ</t>
    </rPh>
    <rPh sb="9" eb="11">
      <t>バンチ</t>
    </rPh>
    <phoneticPr fontId="1"/>
  </si>
  <si>
    <t>699-0501</t>
    <phoneticPr fontId="1"/>
  </si>
  <si>
    <t>㈱環境理化学研究所</t>
    <rPh sb="1" eb="6">
      <t>カンキョウリカガク</t>
    </rPh>
    <rPh sb="6" eb="9">
      <t>ケンキュウショ</t>
    </rPh>
    <phoneticPr fontId="1"/>
  </si>
  <si>
    <t>食品微生物検査</t>
    <rPh sb="0" eb="2">
      <t>ショクヒン</t>
    </rPh>
    <rPh sb="2" eb="5">
      <t>ビセイブツ</t>
    </rPh>
    <rPh sb="5" eb="7">
      <t>ケンサ</t>
    </rPh>
    <phoneticPr fontId="1"/>
  </si>
  <si>
    <t>0853-25-8911</t>
    <phoneticPr fontId="1"/>
  </si>
  <si>
    <t>0853-25-8922</t>
    <phoneticPr fontId="1"/>
  </si>
  <si>
    <t>食品保存検査（微生物検査、理化学検査）</t>
    <rPh sb="0" eb="2">
      <t>ショクヒン</t>
    </rPh>
    <rPh sb="2" eb="4">
      <t>ホゾン</t>
    </rPh>
    <rPh sb="4" eb="6">
      <t>ケンサ</t>
    </rPh>
    <rPh sb="7" eb="10">
      <t>ビセイブツ</t>
    </rPh>
    <rPh sb="10" eb="12">
      <t>ケンサ</t>
    </rPh>
    <rPh sb="13" eb="16">
      <t>リカガク</t>
    </rPh>
    <rPh sb="16" eb="18">
      <t>ケンサ</t>
    </rPh>
    <phoneticPr fontId="1"/>
  </si>
  <si>
    <t>食品成分分析</t>
    <rPh sb="0" eb="2">
      <t>ショクヒン</t>
    </rPh>
    <rPh sb="2" eb="4">
      <t>セイブン</t>
    </rPh>
    <rPh sb="4" eb="6">
      <t>ブンセキ</t>
    </rPh>
    <phoneticPr fontId="1"/>
  </si>
  <si>
    <t>食品理化学検査</t>
    <rPh sb="0" eb="2">
      <t>ショクヒン</t>
    </rPh>
    <rPh sb="2" eb="5">
      <t>リカガク</t>
    </rPh>
    <rPh sb="5" eb="7">
      <t>ケンサ</t>
    </rPh>
    <phoneticPr fontId="1"/>
  </si>
  <si>
    <t>食品異物検査</t>
    <rPh sb="0" eb="2">
      <t>ショクヒン</t>
    </rPh>
    <rPh sb="2" eb="4">
      <t>イブツ</t>
    </rPh>
    <rPh sb="4" eb="6">
      <t>ケンサ</t>
    </rPh>
    <phoneticPr fontId="1"/>
  </si>
  <si>
    <t>食品残留農薬検査</t>
    <rPh sb="0" eb="2">
      <t>ショクヒン</t>
    </rPh>
    <rPh sb="2" eb="4">
      <t>ザンリュウ</t>
    </rPh>
    <rPh sb="4" eb="6">
      <t>ノウヤク</t>
    </rPh>
    <rPh sb="6" eb="8">
      <t>ケンサ</t>
    </rPh>
    <phoneticPr fontId="1"/>
  </si>
  <si>
    <t>環境微生物検査（拭き取り検査、落下菌検査）</t>
    <rPh sb="0" eb="2">
      <t>カンキョウ</t>
    </rPh>
    <rPh sb="2" eb="5">
      <t>ビセイブツ</t>
    </rPh>
    <rPh sb="5" eb="7">
      <t>ケンサ</t>
    </rPh>
    <rPh sb="8" eb="9">
      <t>フ</t>
    </rPh>
    <rPh sb="10" eb="11">
      <t>ト</t>
    </rPh>
    <rPh sb="12" eb="14">
      <t>ケンサ</t>
    </rPh>
    <rPh sb="15" eb="17">
      <t>ラッカ</t>
    </rPh>
    <rPh sb="17" eb="20">
      <t>キンケンサ</t>
    </rPh>
    <phoneticPr fontId="1"/>
  </si>
  <si>
    <t>環境衛生調査（工場、厨房内の目視チェック及び拭き取り検査等）</t>
    <rPh sb="0" eb="2">
      <t>カンキョウ</t>
    </rPh>
    <rPh sb="2" eb="4">
      <t>エイセイ</t>
    </rPh>
    <rPh sb="4" eb="6">
      <t>チョウサ</t>
    </rPh>
    <rPh sb="7" eb="9">
      <t>コウジョウ</t>
    </rPh>
    <rPh sb="10" eb="12">
      <t>チュウボウ</t>
    </rPh>
    <rPh sb="12" eb="13">
      <t>ナイ</t>
    </rPh>
    <rPh sb="14" eb="16">
      <t>モクシ</t>
    </rPh>
    <rPh sb="20" eb="21">
      <t>オヨ</t>
    </rPh>
    <rPh sb="22" eb="23">
      <t>フ</t>
    </rPh>
    <rPh sb="24" eb="25">
      <t>ト</t>
    </rPh>
    <rPh sb="26" eb="28">
      <t>ケンサ</t>
    </rPh>
    <rPh sb="28" eb="29">
      <t>トウ</t>
    </rPh>
    <phoneticPr fontId="1"/>
  </si>
  <si>
    <t>水質検査（食品使用の水、排水等の検査）</t>
    <rPh sb="0" eb="2">
      <t>スイシツ</t>
    </rPh>
    <rPh sb="2" eb="4">
      <t>ケンサ</t>
    </rPh>
    <rPh sb="5" eb="7">
      <t>ショクヒン</t>
    </rPh>
    <rPh sb="7" eb="9">
      <t>シヨウ</t>
    </rPh>
    <rPh sb="10" eb="11">
      <t>ミズ</t>
    </rPh>
    <rPh sb="12" eb="14">
      <t>ハイスイ</t>
    </rPh>
    <rPh sb="14" eb="15">
      <t>トウ</t>
    </rPh>
    <rPh sb="16" eb="18">
      <t>ケンサ</t>
    </rPh>
    <phoneticPr fontId="1"/>
  </si>
  <si>
    <t>食品製造従事者等の検便（ノロウイルス検便含む）</t>
    <rPh sb="0" eb="2">
      <t>ショクヒン</t>
    </rPh>
    <rPh sb="2" eb="4">
      <t>セイゾウ</t>
    </rPh>
    <rPh sb="4" eb="7">
      <t>ジュウジシャ</t>
    </rPh>
    <rPh sb="7" eb="8">
      <t>トウ</t>
    </rPh>
    <rPh sb="9" eb="11">
      <t>ケンベン</t>
    </rPh>
    <rPh sb="18" eb="20">
      <t>ケンベン</t>
    </rPh>
    <rPh sb="20" eb="21">
      <t>フク</t>
    </rPh>
    <phoneticPr fontId="1"/>
  </si>
  <si>
    <t>691-0001</t>
    <phoneticPr fontId="1"/>
  </si>
  <si>
    <t>出雲市平田町2468番地1</t>
    <rPh sb="0" eb="3">
      <t>イズモシ</t>
    </rPh>
    <rPh sb="10" eb="12">
      <t>バンチ</t>
    </rPh>
    <phoneticPr fontId="1"/>
  </si>
  <si>
    <t>0852-24-0207</t>
    <phoneticPr fontId="1"/>
  </si>
  <si>
    <t>0852-55-4525</t>
    <phoneticPr fontId="1"/>
  </si>
  <si>
    <t>栄養成分検査、細菌検査、保存試験（消費・賞味期限）</t>
    <rPh sb="0" eb="2">
      <t>エイヨウ</t>
    </rPh>
    <rPh sb="2" eb="4">
      <t>セイブン</t>
    </rPh>
    <rPh sb="4" eb="6">
      <t>ケンサ</t>
    </rPh>
    <rPh sb="7" eb="9">
      <t>サイキン</t>
    </rPh>
    <rPh sb="9" eb="11">
      <t>ケンサ</t>
    </rPh>
    <rPh sb="12" eb="14">
      <t>ホゾン</t>
    </rPh>
    <rPh sb="14" eb="16">
      <t>シケン</t>
    </rPh>
    <rPh sb="17" eb="19">
      <t>ショウヒ</t>
    </rPh>
    <rPh sb="20" eb="22">
      <t>ショウミ</t>
    </rPh>
    <rPh sb="22" eb="24">
      <t>キゲン</t>
    </rPh>
    <phoneticPr fontId="1"/>
  </si>
  <si>
    <t>アレルゲン検査、拭き取り検査</t>
    <rPh sb="5" eb="7">
      <t>ケンサ</t>
    </rPh>
    <phoneticPr fontId="1"/>
  </si>
  <si>
    <t>残留農薬・食品添加物・有害金属検査</t>
    <rPh sb="0" eb="2">
      <t>ザンリュウ</t>
    </rPh>
    <rPh sb="2" eb="4">
      <t>ノウヤク</t>
    </rPh>
    <rPh sb="5" eb="7">
      <t>ショクヒン</t>
    </rPh>
    <rPh sb="7" eb="10">
      <t>テンカブツ</t>
    </rPh>
    <rPh sb="11" eb="13">
      <t>ユウガイ</t>
    </rPh>
    <rPh sb="13" eb="15">
      <t>キンゾク</t>
    </rPh>
    <rPh sb="15" eb="17">
      <t>ケンサ</t>
    </rPh>
    <phoneticPr fontId="1"/>
  </si>
  <si>
    <t>異物・クレーム品検査</t>
    <rPh sb="0" eb="2">
      <t>イブツ</t>
    </rPh>
    <rPh sb="7" eb="8">
      <t>ヒン</t>
    </rPh>
    <rPh sb="8" eb="10">
      <t>ケンサ</t>
    </rPh>
    <phoneticPr fontId="1"/>
  </si>
  <si>
    <t>食品製造用水検査</t>
    <rPh sb="0" eb="2">
      <t>ショクヒン</t>
    </rPh>
    <rPh sb="2" eb="5">
      <t>セイゾウヨウ</t>
    </rPh>
    <rPh sb="5" eb="6">
      <t>スイ</t>
    </rPh>
    <rPh sb="6" eb="8">
      <t>ケンサ</t>
    </rPh>
    <phoneticPr fontId="1"/>
  </si>
  <si>
    <t>690-0012</t>
    <phoneticPr fontId="1"/>
  </si>
  <si>
    <t>松江市古志原１丁目4-6号</t>
    <rPh sb="0" eb="3">
      <t>マツエシ</t>
    </rPh>
    <rPh sb="3" eb="6">
      <t>コシバラ</t>
    </rPh>
    <rPh sb="7" eb="9">
      <t>チョウメ</t>
    </rPh>
    <rPh sb="12" eb="13">
      <t>ゴウ</t>
    </rPh>
    <phoneticPr fontId="1"/>
  </si>
  <si>
    <t>㈱シーライフ</t>
    <phoneticPr fontId="1"/>
  </si>
  <si>
    <t>冷風乾燥、燻製、魚の一次処理</t>
    <rPh sb="0" eb="2">
      <t>レイフウ</t>
    </rPh>
    <rPh sb="2" eb="4">
      <t>カンソウ</t>
    </rPh>
    <rPh sb="5" eb="7">
      <t>クンセイ</t>
    </rPh>
    <rPh sb="8" eb="9">
      <t>サカナ</t>
    </rPh>
    <rPh sb="10" eb="12">
      <t>イチジ</t>
    </rPh>
    <rPh sb="12" eb="14">
      <t>ショリ</t>
    </rPh>
    <phoneticPr fontId="1"/>
  </si>
  <si>
    <t>697-0017</t>
    <phoneticPr fontId="1"/>
  </si>
  <si>
    <t>0855-23-3105</t>
    <phoneticPr fontId="1"/>
  </si>
  <si>
    <t>0855-23-3117</t>
    <phoneticPr fontId="1"/>
  </si>
  <si>
    <t>㈲はまや食品</t>
    <rPh sb="4" eb="6">
      <t>ショクヒン</t>
    </rPh>
    <phoneticPr fontId="1"/>
  </si>
  <si>
    <t>和菓子全般（特にみたらし団子・お餅）</t>
    <rPh sb="0" eb="3">
      <t>ワガシ</t>
    </rPh>
    <rPh sb="3" eb="5">
      <t>ゼンパン</t>
    </rPh>
    <rPh sb="6" eb="7">
      <t>トク</t>
    </rPh>
    <rPh sb="12" eb="14">
      <t>ダンゴ</t>
    </rPh>
    <rPh sb="16" eb="17">
      <t>モチ</t>
    </rPh>
    <phoneticPr fontId="1"/>
  </si>
  <si>
    <t>697-0002</t>
    <phoneticPr fontId="1"/>
  </si>
  <si>
    <t>0855-23-1522</t>
    <phoneticPr fontId="1"/>
  </si>
  <si>
    <t>0855-23-1187</t>
    <phoneticPr fontId="1"/>
  </si>
  <si>
    <t>若女食品㈱</t>
    <rPh sb="0" eb="1">
      <t>ワカ</t>
    </rPh>
    <rPh sb="1" eb="2">
      <t>オンナ</t>
    </rPh>
    <rPh sb="2" eb="4">
      <t>ショクヒン</t>
    </rPh>
    <phoneticPr fontId="1"/>
  </si>
  <si>
    <t>冷凍食品・練り製品・寿司ネタの製造</t>
    <rPh sb="0" eb="2">
      <t>レイトウ</t>
    </rPh>
    <rPh sb="2" eb="4">
      <t>ショクヒン</t>
    </rPh>
    <rPh sb="5" eb="6">
      <t>ネ</t>
    </rPh>
    <rPh sb="7" eb="9">
      <t>セイヒン</t>
    </rPh>
    <rPh sb="10" eb="12">
      <t>スシ</t>
    </rPh>
    <rPh sb="15" eb="17">
      <t>セイゾウ</t>
    </rPh>
    <phoneticPr fontId="1"/>
  </si>
  <si>
    <t>0855-25-0567</t>
    <phoneticPr fontId="1"/>
  </si>
  <si>
    <t>0855-25-0568</t>
    <phoneticPr fontId="1"/>
  </si>
  <si>
    <t>㈲垣崎醤油店</t>
    <rPh sb="1" eb="3">
      <t>カキザキ</t>
    </rPh>
    <rPh sb="3" eb="5">
      <t>ショウユ</t>
    </rPh>
    <rPh sb="5" eb="6">
      <t>テン</t>
    </rPh>
    <phoneticPr fontId="1"/>
  </si>
  <si>
    <t>各種調味料（ドレッシング・つゆ）OEM生産も可能</t>
    <rPh sb="0" eb="2">
      <t>カクシュ</t>
    </rPh>
    <rPh sb="2" eb="5">
      <t>チョウミリョウ</t>
    </rPh>
    <rPh sb="19" eb="21">
      <t>セイサン</t>
    </rPh>
    <rPh sb="22" eb="24">
      <t>カノウ</t>
    </rPh>
    <phoneticPr fontId="1"/>
  </si>
  <si>
    <t>696-0102</t>
    <phoneticPr fontId="1"/>
  </si>
  <si>
    <t>0855-95-0321</t>
    <phoneticPr fontId="1"/>
  </si>
  <si>
    <t>0855-95-1186</t>
    <phoneticPr fontId="1"/>
  </si>
  <si>
    <t>㈲カネコウ中川</t>
    <rPh sb="5" eb="7">
      <t>ナカガワ</t>
    </rPh>
    <phoneticPr fontId="1"/>
  </si>
  <si>
    <t>塩干物の製造・ふぐ料理</t>
    <rPh sb="0" eb="1">
      <t>シオ</t>
    </rPh>
    <rPh sb="1" eb="3">
      <t>ヒモノ</t>
    </rPh>
    <rPh sb="4" eb="6">
      <t>セイゾウ</t>
    </rPh>
    <rPh sb="9" eb="11">
      <t>リョウリ</t>
    </rPh>
    <phoneticPr fontId="1"/>
  </si>
  <si>
    <t>697-0052</t>
    <phoneticPr fontId="1"/>
  </si>
  <si>
    <t>浜田市港町285-2</t>
    <rPh sb="0" eb="3">
      <t>ハマダシ</t>
    </rPh>
    <rPh sb="3" eb="5">
      <t>ミナトマチ</t>
    </rPh>
    <phoneticPr fontId="1"/>
  </si>
  <si>
    <t>0855-22-0936</t>
    <phoneticPr fontId="1"/>
  </si>
  <si>
    <t>0855-22-2515</t>
    <phoneticPr fontId="1"/>
  </si>
  <si>
    <t>山根忠治商店</t>
    <rPh sb="0" eb="2">
      <t>ヤマネ</t>
    </rPh>
    <rPh sb="2" eb="4">
      <t>チュウジ</t>
    </rPh>
    <rPh sb="4" eb="6">
      <t>ショウテン</t>
    </rPh>
    <phoneticPr fontId="1"/>
  </si>
  <si>
    <t>煮干し、乾魚、鯖寿司、イカめし、焼あなご</t>
    <rPh sb="0" eb="2">
      <t>ニボ</t>
    </rPh>
    <rPh sb="4" eb="6">
      <t>カンギョ</t>
    </rPh>
    <rPh sb="7" eb="8">
      <t>サバ</t>
    </rPh>
    <rPh sb="8" eb="10">
      <t>スシ</t>
    </rPh>
    <rPh sb="16" eb="17">
      <t>ヤ</t>
    </rPh>
    <phoneticPr fontId="1"/>
  </si>
  <si>
    <t>699-2301</t>
    <phoneticPr fontId="1"/>
  </si>
  <si>
    <t>0854-88-2018</t>
    <phoneticPr fontId="1"/>
  </si>
  <si>
    <t>0854-88-2099</t>
    <phoneticPr fontId="1"/>
  </si>
  <si>
    <t>㈱シャトラン</t>
    <phoneticPr fontId="1"/>
  </si>
  <si>
    <t>レトルト食品製造（洋食・和食・中華向け液体ソース・スープ・PB商品・水産加工品）、冷凍品</t>
    <rPh sb="4" eb="6">
      <t>ショクヒン</t>
    </rPh>
    <rPh sb="6" eb="8">
      <t>セイゾウ</t>
    </rPh>
    <rPh sb="9" eb="11">
      <t>ヨウショク</t>
    </rPh>
    <rPh sb="12" eb="14">
      <t>ワショク</t>
    </rPh>
    <rPh sb="15" eb="17">
      <t>チュウカ</t>
    </rPh>
    <rPh sb="17" eb="18">
      <t>ム</t>
    </rPh>
    <rPh sb="19" eb="21">
      <t>エキタイ</t>
    </rPh>
    <rPh sb="31" eb="33">
      <t>ショウヒン</t>
    </rPh>
    <rPh sb="34" eb="36">
      <t>スイサン</t>
    </rPh>
    <rPh sb="36" eb="39">
      <t>カコウヒン</t>
    </rPh>
    <rPh sb="41" eb="44">
      <t>レイトウヒン</t>
    </rPh>
    <phoneticPr fontId="1"/>
  </si>
  <si>
    <t>ごく少量でもご相談に応じます</t>
    <rPh sb="2" eb="4">
      <t>ショウリョウ</t>
    </rPh>
    <rPh sb="7" eb="9">
      <t>ソウダン</t>
    </rPh>
    <rPh sb="10" eb="11">
      <t>オウ</t>
    </rPh>
    <phoneticPr fontId="1"/>
  </si>
  <si>
    <t>697-0121</t>
    <phoneticPr fontId="1"/>
  </si>
  <si>
    <t>0855-42-2180</t>
    <phoneticPr fontId="1"/>
  </si>
  <si>
    <t>0855-42-2029</t>
    <phoneticPr fontId="1"/>
  </si>
  <si>
    <t>浜田市原井町907-2</t>
    <rPh sb="0" eb="3">
      <t>ハマダシ</t>
    </rPh>
    <rPh sb="3" eb="5">
      <t>ハライ</t>
    </rPh>
    <rPh sb="5" eb="6">
      <t>マチ</t>
    </rPh>
    <phoneticPr fontId="1"/>
  </si>
  <si>
    <t>浜田市金城町下来原1334-1</t>
    <rPh sb="0" eb="3">
      <t>ハマダシ</t>
    </rPh>
    <rPh sb="3" eb="6">
      <t>カナギチョウ</t>
    </rPh>
    <rPh sb="6" eb="7">
      <t>シタ</t>
    </rPh>
    <rPh sb="7" eb="8">
      <t>ク</t>
    </rPh>
    <rPh sb="8" eb="9">
      <t>ハラ</t>
    </rPh>
    <phoneticPr fontId="1"/>
  </si>
  <si>
    <t>大田市仁摩町仁万1987-89</t>
    <rPh sb="0" eb="3">
      <t>オオダシ</t>
    </rPh>
    <rPh sb="3" eb="6">
      <t>ニマチョウ</t>
    </rPh>
    <rPh sb="6" eb="8">
      <t>ニマ</t>
    </rPh>
    <phoneticPr fontId="1"/>
  </si>
  <si>
    <t>邑智郡邑南町中野1046</t>
    <rPh sb="0" eb="3">
      <t>オオチグン</t>
    </rPh>
    <rPh sb="3" eb="6">
      <t>オオナンチョウ</t>
    </rPh>
    <rPh sb="6" eb="7">
      <t>ナカ</t>
    </rPh>
    <rPh sb="7" eb="8">
      <t>ノ</t>
    </rPh>
    <phoneticPr fontId="1"/>
  </si>
  <si>
    <t>浜田市原井町3050-8</t>
    <rPh sb="0" eb="3">
      <t>ハマダシ</t>
    </rPh>
    <rPh sb="3" eb="5">
      <t>ハライ</t>
    </rPh>
    <rPh sb="5" eb="6">
      <t>マチ</t>
    </rPh>
    <phoneticPr fontId="1"/>
  </si>
  <si>
    <t>浜田市生湯町1242-1</t>
    <rPh sb="0" eb="3">
      <t>ハマダシ</t>
    </rPh>
    <rPh sb="3" eb="4">
      <t>イ</t>
    </rPh>
    <rPh sb="4" eb="5">
      <t>ユ</t>
    </rPh>
    <rPh sb="5" eb="6">
      <t>チョウ</t>
    </rPh>
    <phoneticPr fontId="1"/>
  </si>
  <si>
    <t>真空加工（要相談）</t>
    <rPh sb="0" eb="2">
      <t>シンクウ</t>
    </rPh>
    <rPh sb="2" eb="4">
      <t>カコウ</t>
    </rPh>
    <rPh sb="5" eb="6">
      <t>ヨウ</t>
    </rPh>
    <rPh sb="6" eb="8">
      <t>ソウダン</t>
    </rPh>
    <phoneticPr fontId="1"/>
  </si>
  <si>
    <t>㈱ハマショウ</t>
    <phoneticPr fontId="1"/>
  </si>
  <si>
    <t>一夜干し、味醂干し</t>
    <rPh sb="0" eb="2">
      <t>イチヤ</t>
    </rPh>
    <rPh sb="2" eb="3">
      <t>ボ</t>
    </rPh>
    <rPh sb="5" eb="7">
      <t>ミリン</t>
    </rPh>
    <rPh sb="7" eb="8">
      <t>ボ</t>
    </rPh>
    <phoneticPr fontId="1"/>
  </si>
  <si>
    <t>浜田市原井町3050-58</t>
    <rPh sb="0" eb="3">
      <t>ハマダシ</t>
    </rPh>
    <rPh sb="3" eb="5">
      <t>ハライ</t>
    </rPh>
    <rPh sb="5" eb="6">
      <t>マチ</t>
    </rPh>
    <phoneticPr fontId="1"/>
  </si>
  <si>
    <t>0855-23-6335</t>
    <phoneticPr fontId="1"/>
  </si>
  <si>
    <t>0855-23-4314</t>
    <phoneticPr fontId="1"/>
  </si>
  <si>
    <t>風土菓子本舗　千舎ノ木</t>
    <rPh sb="0" eb="2">
      <t>フウド</t>
    </rPh>
    <rPh sb="2" eb="4">
      <t>カシ</t>
    </rPh>
    <rPh sb="4" eb="6">
      <t>ホンポ</t>
    </rPh>
    <rPh sb="7" eb="8">
      <t>セン</t>
    </rPh>
    <rPh sb="8" eb="9">
      <t>シャ</t>
    </rPh>
    <rPh sb="10" eb="11">
      <t>キ</t>
    </rPh>
    <phoneticPr fontId="1"/>
  </si>
  <si>
    <t>地元で採れた原材料を使用した「風土菓子」の製造</t>
    <rPh sb="0" eb="2">
      <t>ジモト</t>
    </rPh>
    <rPh sb="3" eb="4">
      <t>ト</t>
    </rPh>
    <rPh sb="6" eb="9">
      <t>ゲンザイリョウ</t>
    </rPh>
    <rPh sb="10" eb="12">
      <t>シヨウ</t>
    </rPh>
    <rPh sb="15" eb="17">
      <t>フウド</t>
    </rPh>
    <rPh sb="17" eb="19">
      <t>カシ</t>
    </rPh>
    <rPh sb="21" eb="23">
      <t>セイゾウ</t>
    </rPh>
    <phoneticPr fontId="1"/>
  </si>
  <si>
    <t>699-5621</t>
    <phoneticPr fontId="1"/>
  </si>
  <si>
    <t>鹿足郡津和野町内美518-1</t>
    <rPh sb="0" eb="3">
      <t>カノアシグン</t>
    </rPh>
    <rPh sb="3" eb="7">
      <t>ツワノチョウ</t>
    </rPh>
    <rPh sb="7" eb="8">
      <t>ウチ</t>
    </rPh>
    <rPh sb="8" eb="9">
      <t>ビ</t>
    </rPh>
    <phoneticPr fontId="1"/>
  </si>
  <si>
    <t>0856-72-1855</t>
    <phoneticPr fontId="1"/>
  </si>
  <si>
    <t>㈲やさか共同農場</t>
    <rPh sb="4" eb="6">
      <t>キョウドウ</t>
    </rPh>
    <rPh sb="6" eb="8">
      <t>ノウジョウ</t>
    </rPh>
    <phoneticPr fontId="1"/>
  </si>
  <si>
    <t>味噌、甘酒、糀などの発酵食品に関すること</t>
    <rPh sb="0" eb="2">
      <t>ミソ</t>
    </rPh>
    <rPh sb="3" eb="5">
      <t>アマザケ</t>
    </rPh>
    <rPh sb="6" eb="7">
      <t>コウジ</t>
    </rPh>
    <rPh sb="10" eb="12">
      <t>ハッコウ</t>
    </rPh>
    <rPh sb="12" eb="14">
      <t>ショクヒン</t>
    </rPh>
    <rPh sb="15" eb="16">
      <t>カン</t>
    </rPh>
    <phoneticPr fontId="1"/>
  </si>
  <si>
    <t>697-1212</t>
    <phoneticPr fontId="1"/>
  </si>
  <si>
    <t>浜田市弥栄町三里ハ38</t>
    <rPh sb="0" eb="3">
      <t>ハマダシ</t>
    </rPh>
    <rPh sb="3" eb="6">
      <t>ヤサカチョウ</t>
    </rPh>
    <rPh sb="6" eb="7">
      <t>サン</t>
    </rPh>
    <rPh sb="7" eb="8">
      <t>サト</t>
    </rPh>
    <phoneticPr fontId="1"/>
  </si>
  <si>
    <t>0855-48-2510</t>
    <phoneticPr fontId="1"/>
  </si>
  <si>
    <t>0855-48-2066</t>
    <phoneticPr fontId="1"/>
  </si>
  <si>
    <t>㈲桜江町桑茶生産組合</t>
    <rPh sb="1" eb="4">
      <t>サクラエチョウ</t>
    </rPh>
    <rPh sb="4" eb="6">
      <t>クワチャ</t>
    </rPh>
    <rPh sb="6" eb="8">
      <t>セイサン</t>
    </rPh>
    <rPh sb="8" eb="10">
      <t>クミアイ</t>
    </rPh>
    <phoneticPr fontId="1"/>
  </si>
  <si>
    <t>農産物の乾燥及び粉砕等</t>
    <rPh sb="0" eb="3">
      <t>ノウサンブツ</t>
    </rPh>
    <rPh sb="4" eb="6">
      <t>カンソウ</t>
    </rPh>
    <rPh sb="6" eb="7">
      <t>オヨ</t>
    </rPh>
    <rPh sb="8" eb="10">
      <t>フンサイ</t>
    </rPh>
    <rPh sb="10" eb="11">
      <t>トウ</t>
    </rPh>
    <phoneticPr fontId="1"/>
  </si>
  <si>
    <t>699-4221</t>
    <phoneticPr fontId="1"/>
  </si>
  <si>
    <t>江津市桜江町市山507-1</t>
    <rPh sb="0" eb="3">
      <t>ゴウツシ</t>
    </rPh>
    <rPh sb="3" eb="6">
      <t>サクラエチョウ</t>
    </rPh>
    <rPh sb="6" eb="8">
      <t>イチヤマ</t>
    </rPh>
    <phoneticPr fontId="1"/>
  </si>
  <si>
    <t>0855-92-0547</t>
    <phoneticPr fontId="1"/>
  </si>
  <si>
    <t>0855-92-0676</t>
    <phoneticPr fontId="1"/>
  </si>
  <si>
    <t>中央弁当</t>
    <rPh sb="0" eb="2">
      <t>チュウオウ</t>
    </rPh>
    <rPh sb="2" eb="4">
      <t>ベントウ</t>
    </rPh>
    <phoneticPr fontId="1"/>
  </si>
  <si>
    <t>プロトン凍結機を使用した手作業による商品提供、卸、受託加工</t>
    <rPh sb="4" eb="6">
      <t>トウケツ</t>
    </rPh>
    <rPh sb="6" eb="7">
      <t>キ</t>
    </rPh>
    <rPh sb="8" eb="10">
      <t>シヨウ</t>
    </rPh>
    <rPh sb="12" eb="15">
      <t>テサギョウ</t>
    </rPh>
    <rPh sb="18" eb="20">
      <t>ショウヒン</t>
    </rPh>
    <rPh sb="20" eb="22">
      <t>テイキョウ</t>
    </rPh>
    <rPh sb="23" eb="24">
      <t>オロシ</t>
    </rPh>
    <rPh sb="25" eb="27">
      <t>ジュタク</t>
    </rPh>
    <rPh sb="27" eb="29">
      <t>カコウ</t>
    </rPh>
    <phoneticPr fontId="1"/>
  </si>
  <si>
    <t>少量から相談に応じます</t>
    <rPh sb="0" eb="2">
      <t>ショウリョウ</t>
    </rPh>
    <rPh sb="4" eb="6">
      <t>ソウダン</t>
    </rPh>
    <rPh sb="7" eb="8">
      <t>オウ</t>
    </rPh>
    <phoneticPr fontId="1"/>
  </si>
  <si>
    <t>695-0016</t>
    <phoneticPr fontId="1"/>
  </si>
  <si>
    <t>江津市嘉久志町イ1174-2</t>
    <rPh sb="0" eb="3">
      <t>ゴウツシ</t>
    </rPh>
    <rPh sb="3" eb="6">
      <t>カクシ</t>
    </rPh>
    <rPh sb="6" eb="7">
      <t>マチ</t>
    </rPh>
    <phoneticPr fontId="1"/>
  </si>
  <si>
    <t>0855-52-3393</t>
    <phoneticPr fontId="1"/>
  </si>
  <si>
    <t>0855-52-7039</t>
    <phoneticPr fontId="1"/>
  </si>
  <si>
    <t>橋本水産㈱</t>
    <rPh sb="0" eb="2">
      <t>ハシモト</t>
    </rPh>
    <rPh sb="2" eb="4">
      <t>スイサン</t>
    </rPh>
    <phoneticPr fontId="1"/>
  </si>
  <si>
    <t>干魚製造</t>
    <rPh sb="0" eb="1">
      <t>ホ</t>
    </rPh>
    <rPh sb="1" eb="2">
      <t>サカナ</t>
    </rPh>
    <rPh sb="2" eb="4">
      <t>セイゾウ</t>
    </rPh>
    <phoneticPr fontId="1"/>
  </si>
  <si>
    <t>浜田市原井町3050-21</t>
    <rPh sb="0" eb="3">
      <t>ハマダシ</t>
    </rPh>
    <rPh sb="3" eb="5">
      <t>ハライ</t>
    </rPh>
    <rPh sb="5" eb="6">
      <t>マチ</t>
    </rPh>
    <phoneticPr fontId="1"/>
  </si>
  <si>
    <t>0855-22-0623</t>
    <phoneticPr fontId="1"/>
  </si>
  <si>
    <t>0855-22-7735</t>
    <phoneticPr fontId="1"/>
  </si>
  <si>
    <t>2週間程度、相談に応じます</t>
    <rPh sb="1" eb="3">
      <t>シュウカン</t>
    </rPh>
    <rPh sb="3" eb="5">
      <t>テイド</t>
    </rPh>
    <rPh sb="6" eb="8">
      <t>ソウダン</t>
    </rPh>
    <rPh sb="9" eb="10">
      <t>オウ</t>
    </rPh>
    <phoneticPr fontId="1"/>
  </si>
  <si>
    <t>㈱いづも農縁</t>
    <rPh sb="4" eb="5">
      <t>ノウ</t>
    </rPh>
    <rPh sb="5" eb="6">
      <t>エン</t>
    </rPh>
    <phoneticPr fontId="1"/>
  </si>
  <si>
    <t>農産物など乾燥粉末の打錠（錠剤成形）、充填（袋詰）</t>
    <rPh sb="0" eb="3">
      <t>ノウサンブツ</t>
    </rPh>
    <rPh sb="5" eb="7">
      <t>カンソウ</t>
    </rPh>
    <rPh sb="7" eb="9">
      <t>フンマツ</t>
    </rPh>
    <rPh sb="10" eb="12">
      <t>ダジョウ</t>
    </rPh>
    <rPh sb="13" eb="15">
      <t>ジョウザイ</t>
    </rPh>
    <rPh sb="15" eb="17">
      <t>セイケイ</t>
    </rPh>
    <rPh sb="19" eb="21">
      <t>ジュウテン</t>
    </rPh>
    <rPh sb="22" eb="23">
      <t>タイ</t>
    </rPh>
    <rPh sb="23" eb="24">
      <t>ヅ</t>
    </rPh>
    <phoneticPr fontId="1"/>
  </si>
  <si>
    <t>1ｋｇ～</t>
    <phoneticPr fontId="1"/>
  </si>
  <si>
    <t>1～2週間</t>
    <rPh sb="3" eb="5">
      <t>シュウカン</t>
    </rPh>
    <phoneticPr fontId="1"/>
  </si>
  <si>
    <t>0853-23-7501</t>
    <phoneticPr fontId="1"/>
  </si>
  <si>
    <t>0853-23-7511</t>
    <phoneticPr fontId="1"/>
  </si>
  <si>
    <t>693-0071</t>
    <phoneticPr fontId="1"/>
  </si>
  <si>
    <t>出雲市稲岡町281</t>
    <rPh sb="0" eb="3">
      <t>イズモシ</t>
    </rPh>
    <rPh sb="3" eb="6">
      <t>イナオカチョウ</t>
    </rPh>
    <phoneticPr fontId="1"/>
  </si>
  <si>
    <t>出雲屋蒲鉾店</t>
    <rPh sb="0" eb="2">
      <t>イズモ</t>
    </rPh>
    <rPh sb="2" eb="3">
      <t>ヤ</t>
    </rPh>
    <rPh sb="3" eb="5">
      <t>カマボコ</t>
    </rPh>
    <rPh sb="5" eb="6">
      <t>テン</t>
    </rPh>
    <phoneticPr fontId="1"/>
  </si>
  <si>
    <t>水産練製品の製造</t>
    <rPh sb="0" eb="2">
      <t>スイサン</t>
    </rPh>
    <rPh sb="2" eb="5">
      <t>ネリセイヒン</t>
    </rPh>
    <rPh sb="6" eb="8">
      <t>セイゾウ</t>
    </rPh>
    <phoneticPr fontId="1"/>
  </si>
  <si>
    <t>699-2301</t>
    <phoneticPr fontId="1"/>
  </si>
  <si>
    <t>大田市仁摩町仁万777-1</t>
    <rPh sb="0" eb="3">
      <t>オオダシ</t>
    </rPh>
    <rPh sb="3" eb="6">
      <t>ニマチョウ</t>
    </rPh>
    <rPh sb="6" eb="8">
      <t>ニマ</t>
    </rPh>
    <phoneticPr fontId="1"/>
  </si>
  <si>
    <t>0854-88-2952</t>
    <phoneticPr fontId="1"/>
  </si>
  <si>
    <t>0854-88-4206</t>
    <phoneticPr fontId="1"/>
  </si>
  <si>
    <t>㈲クボタ牛乳</t>
    <rPh sb="4" eb="6">
      <t>ギュウニュウ</t>
    </rPh>
    <phoneticPr fontId="1"/>
  </si>
  <si>
    <t>牛乳・乳製品の製造（牛乳・発酵乳・アイスクリーム等）</t>
    <rPh sb="0" eb="2">
      <t>ギュウニュウ</t>
    </rPh>
    <rPh sb="3" eb="6">
      <t>ニュウセイヒン</t>
    </rPh>
    <rPh sb="7" eb="9">
      <t>セイゾウ</t>
    </rPh>
    <rPh sb="10" eb="12">
      <t>ギュウニュウ</t>
    </rPh>
    <rPh sb="13" eb="16">
      <t>ハッコウニュウ</t>
    </rPh>
    <rPh sb="24" eb="25">
      <t>トウ</t>
    </rPh>
    <phoneticPr fontId="1"/>
  </si>
  <si>
    <t>浜田市原井町９０７</t>
    <rPh sb="0" eb="3">
      <t>ハマダシ</t>
    </rPh>
    <rPh sb="3" eb="6">
      <t>ハライチョウ</t>
    </rPh>
    <phoneticPr fontId="1"/>
  </si>
  <si>
    <t>0855-22-0341</t>
    <phoneticPr fontId="1"/>
  </si>
  <si>
    <t>0855-22-0343</t>
    <phoneticPr fontId="1"/>
  </si>
  <si>
    <t>㈲益田製茶</t>
    <rPh sb="1" eb="3">
      <t>マスダ</t>
    </rPh>
    <rPh sb="3" eb="5">
      <t>セイチャ</t>
    </rPh>
    <phoneticPr fontId="1"/>
  </si>
  <si>
    <t>698-0017</t>
    <phoneticPr fontId="1"/>
  </si>
  <si>
    <t>益田市七尾町１０－３５</t>
    <rPh sb="0" eb="3">
      <t>マスダシ</t>
    </rPh>
    <rPh sb="3" eb="6">
      <t>ナナオチョウ</t>
    </rPh>
    <phoneticPr fontId="1"/>
  </si>
  <si>
    <t>0856-22-6977</t>
    <phoneticPr fontId="1"/>
  </si>
  <si>
    <t>0856-22-6983</t>
    <phoneticPr fontId="1"/>
  </si>
  <si>
    <t>㈱みと</t>
    <phoneticPr fontId="1"/>
  </si>
  <si>
    <t>清涼飲料水の製造</t>
    <rPh sb="0" eb="2">
      <t>セイリョウ</t>
    </rPh>
    <rPh sb="2" eb="5">
      <t>インリョウスイ</t>
    </rPh>
    <rPh sb="6" eb="8">
      <t>セイゾウ</t>
    </rPh>
    <phoneticPr fontId="1"/>
  </si>
  <si>
    <t>698-0203</t>
    <phoneticPr fontId="1"/>
  </si>
  <si>
    <t>益田市美都町都茂８４６</t>
    <rPh sb="0" eb="3">
      <t>マスダシ</t>
    </rPh>
    <rPh sb="3" eb="6">
      <t>ミトチョウ</t>
    </rPh>
    <rPh sb="6" eb="8">
      <t>ツモ</t>
    </rPh>
    <phoneticPr fontId="1"/>
  </si>
  <si>
    <t>0856-52-2088</t>
    <phoneticPr fontId="1"/>
  </si>
  <si>
    <t>0856-52-2170</t>
    <phoneticPr fontId="1"/>
  </si>
  <si>
    <t>各種調味料の小ロット委託生産</t>
    <rPh sb="0" eb="2">
      <t>カクシュ</t>
    </rPh>
    <rPh sb="2" eb="5">
      <t>チョウミリョウ</t>
    </rPh>
    <rPh sb="6" eb="7">
      <t>ショウ</t>
    </rPh>
    <rPh sb="10" eb="12">
      <t>イタク</t>
    </rPh>
    <rPh sb="12" eb="14">
      <t>セイサン</t>
    </rPh>
    <phoneticPr fontId="1"/>
  </si>
  <si>
    <t>698-0203</t>
    <phoneticPr fontId="1"/>
  </si>
  <si>
    <t>㈱益田クッキングフーズ</t>
    <rPh sb="1" eb="3">
      <t>マスダ</t>
    </rPh>
    <phoneticPr fontId="1"/>
  </si>
  <si>
    <t>プロトン凍結機を使用した冷凍加工による商品提供、受託加工</t>
    <rPh sb="4" eb="6">
      <t>トウケツ</t>
    </rPh>
    <rPh sb="6" eb="7">
      <t>キ</t>
    </rPh>
    <rPh sb="8" eb="10">
      <t>シヨウ</t>
    </rPh>
    <rPh sb="12" eb="14">
      <t>レイトウ</t>
    </rPh>
    <rPh sb="14" eb="16">
      <t>カコウ</t>
    </rPh>
    <rPh sb="19" eb="21">
      <t>ショウヒン</t>
    </rPh>
    <rPh sb="21" eb="23">
      <t>テイキョウ</t>
    </rPh>
    <rPh sb="24" eb="26">
      <t>ジュタク</t>
    </rPh>
    <rPh sb="26" eb="28">
      <t>カコウ</t>
    </rPh>
    <phoneticPr fontId="1"/>
  </si>
  <si>
    <t>真空シール機を使用した真空シール加工による商品提供、受託加工</t>
    <rPh sb="0" eb="2">
      <t>シンクウ</t>
    </rPh>
    <rPh sb="5" eb="6">
      <t>キ</t>
    </rPh>
    <rPh sb="7" eb="9">
      <t>シヨウ</t>
    </rPh>
    <rPh sb="11" eb="13">
      <t>シンクウ</t>
    </rPh>
    <rPh sb="16" eb="18">
      <t>カコウ</t>
    </rPh>
    <rPh sb="21" eb="23">
      <t>ショウヒン</t>
    </rPh>
    <rPh sb="23" eb="25">
      <t>テイキョウ</t>
    </rPh>
    <rPh sb="26" eb="28">
      <t>ジュタク</t>
    </rPh>
    <rPh sb="28" eb="30">
      <t>カコウ</t>
    </rPh>
    <phoneticPr fontId="1"/>
  </si>
  <si>
    <t>699-5131</t>
    <phoneticPr fontId="1"/>
  </si>
  <si>
    <t>益田市安富町１１０５</t>
    <rPh sb="0" eb="3">
      <t>マスダシ</t>
    </rPh>
    <rPh sb="3" eb="6">
      <t>ヤストミチョウ</t>
    </rPh>
    <phoneticPr fontId="1"/>
  </si>
  <si>
    <t>0856-25-2566</t>
    <phoneticPr fontId="1"/>
  </si>
  <si>
    <t>0856-25-2516</t>
    <phoneticPr fontId="1"/>
  </si>
  <si>
    <t>マルハマ食品㈱</t>
    <rPh sb="4" eb="6">
      <t>ショクヒン</t>
    </rPh>
    <phoneticPr fontId="1"/>
  </si>
  <si>
    <t>茶の粉末加工</t>
    <rPh sb="0" eb="1">
      <t>チャ</t>
    </rPh>
    <rPh sb="2" eb="4">
      <t>フンマツ</t>
    </rPh>
    <rPh sb="4" eb="6">
      <t>カコウ</t>
    </rPh>
    <phoneticPr fontId="1"/>
  </si>
  <si>
    <t>醤油・だしの素・スープ・レトルト食品等の製造</t>
    <rPh sb="0" eb="2">
      <t>ショウユ</t>
    </rPh>
    <rPh sb="6" eb="7">
      <t>モト</t>
    </rPh>
    <rPh sb="16" eb="18">
      <t>ショクヒン</t>
    </rPh>
    <rPh sb="18" eb="19">
      <t>トウ</t>
    </rPh>
    <rPh sb="20" eb="22">
      <t>セイゾウ</t>
    </rPh>
    <phoneticPr fontId="1"/>
  </si>
  <si>
    <t>697-1321</t>
    <phoneticPr fontId="1"/>
  </si>
  <si>
    <t>浜田市周布町イ１００</t>
    <rPh sb="0" eb="3">
      <t>ハマダシ</t>
    </rPh>
    <rPh sb="3" eb="6">
      <t>スフチョウ</t>
    </rPh>
    <phoneticPr fontId="1"/>
  </si>
  <si>
    <t>0855-26-0700</t>
    <phoneticPr fontId="1"/>
  </si>
  <si>
    <t>0855-26-1533</t>
    <phoneticPr fontId="1"/>
  </si>
  <si>
    <t>㈲トム（旧㈱めぐみ）</t>
    <rPh sb="4" eb="5">
      <t>キュウ</t>
    </rPh>
    <phoneticPr fontId="1"/>
  </si>
  <si>
    <t>社会福祉法人いわみ福祉会　フーズくわの木</t>
    <rPh sb="0" eb="2">
      <t>シャカイ</t>
    </rPh>
    <rPh sb="2" eb="4">
      <t>フクシ</t>
    </rPh>
    <rPh sb="4" eb="6">
      <t>ホウジン</t>
    </rPh>
    <rPh sb="9" eb="12">
      <t>フクシカイ</t>
    </rPh>
    <rPh sb="19" eb="20">
      <t>キ</t>
    </rPh>
    <phoneticPr fontId="1"/>
  </si>
  <si>
    <t>新含気調理殺菌</t>
    <rPh sb="0" eb="1">
      <t>シン</t>
    </rPh>
    <rPh sb="1" eb="2">
      <t>フク</t>
    </rPh>
    <rPh sb="2" eb="3">
      <t>キ</t>
    </rPh>
    <rPh sb="3" eb="5">
      <t>チョウリ</t>
    </rPh>
    <rPh sb="5" eb="7">
      <t>サッキン</t>
    </rPh>
    <phoneticPr fontId="1"/>
  </si>
  <si>
    <t>695-0024</t>
    <phoneticPr fontId="1"/>
  </si>
  <si>
    <t>江津市二宮町神主2218</t>
    <rPh sb="0" eb="3">
      <t>ゴウツシ</t>
    </rPh>
    <rPh sb="3" eb="5">
      <t>ニノミヤ</t>
    </rPh>
    <rPh sb="5" eb="6">
      <t>チョウ</t>
    </rPh>
    <rPh sb="6" eb="8">
      <t>カンヌシ</t>
    </rPh>
    <phoneticPr fontId="1"/>
  </si>
  <si>
    <t>0855-52-7185</t>
    <phoneticPr fontId="1"/>
  </si>
  <si>
    <t>0855-52-7190</t>
    <phoneticPr fontId="1"/>
  </si>
  <si>
    <t>（株）森本商会</t>
    <rPh sb="1" eb="2">
      <t>カブ</t>
    </rPh>
    <rPh sb="3" eb="7">
      <t>モリモトショウカイ</t>
    </rPh>
    <phoneticPr fontId="1"/>
  </si>
  <si>
    <t>ドライフルーツ（西条柿、いちじく、梨、トマト、桃）加工処理</t>
    <rPh sb="8" eb="10">
      <t>サイジョウ</t>
    </rPh>
    <rPh sb="10" eb="11">
      <t>カキ</t>
    </rPh>
    <rPh sb="17" eb="18">
      <t>ナシ</t>
    </rPh>
    <rPh sb="23" eb="24">
      <t>モモ</t>
    </rPh>
    <rPh sb="25" eb="27">
      <t>カコウ</t>
    </rPh>
    <rPh sb="27" eb="29">
      <t>ショリ</t>
    </rPh>
    <phoneticPr fontId="1"/>
  </si>
  <si>
    <t>浜田市内村町５６７－８</t>
    <rPh sb="0" eb="2">
      <t>ハマダ</t>
    </rPh>
    <rPh sb="2" eb="3">
      <t>シ</t>
    </rPh>
    <rPh sb="3" eb="5">
      <t>ウチムラ</t>
    </rPh>
    <rPh sb="5" eb="6">
      <t>チョウ</t>
    </rPh>
    <phoneticPr fontId="1"/>
  </si>
  <si>
    <t>0855-27-1940</t>
    <phoneticPr fontId="1"/>
  </si>
  <si>
    <t>0855-27-1958</t>
    <phoneticPr fontId="1"/>
  </si>
  <si>
    <t>697-1331</t>
    <phoneticPr fontId="1"/>
  </si>
  <si>
    <t>㈱高砂醤油本店</t>
    <rPh sb="1" eb="3">
      <t>タカサゴ</t>
    </rPh>
    <rPh sb="3" eb="5">
      <t>ショウユ</t>
    </rPh>
    <rPh sb="5" eb="7">
      <t>ホンテン</t>
    </rPh>
    <phoneticPr fontId="1"/>
  </si>
  <si>
    <t>しょうゆ・しょうゆ加工品の小ロット委託生産/OEM生産</t>
    <rPh sb="9" eb="12">
      <t>カコウヒン</t>
    </rPh>
    <rPh sb="25" eb="27">
      <t>セイサン</t>
    </rPh>
    <phoneticPr fontId="1"/>
  </si>
  <si>
    <t>691-0011</t>
    <phoneticPr fontId="1"/>
  </si>
  <si>
    <t>出雲市国富町305</t>
    <rPh sb="0" eb="3">
      <t>イズモシ</t>
    </rPh>
    <rPh sb="3" eb="6">
      <t>クニトミチョウ</t>
    </rPh>
    <phoneticPr fontId="1"/>
  </si>
  <si>
    <t>0853-63-3141</t>
    <phoneticPr fontId="1"/>
  </si>
  <si>
    <t>0853-63-3589</t>
    <phoneticPr fontId="1"/>
  </si>
  <si>
    <t>（株）出雲たかはし</t>
    <rPh sb="0" eb="3">
      <t>カブ</t>
    </rPh>
    <rPh sb="3" eb="5">
      <t>イズモ</t>
    </rPh>
    <phoneticPr fontId="1"/>
  </si>
  <si>
    <t>麺類（らーめん、そば、うどん）の製造（生めん、半なまめん、乾麺）</t>
    <rPh sb="0" eb="2">
      <t>メンルイ</t>
    </rPh>
    <rPh sb="16" eb="18">
      <t>セイゾウ</t>
    </rPh>
    <rPh sb="19" eb="20">
      <t>ナマ</t>
    </rPh>
    <rPh sb="23" eb="24">
      <t>ハン</t>
    </rPh>
    <rPh sb="29" eb="31">
      <t>カンメン</t>
    </rPh>
    <phoneticPr fontId="1"/>
  </si>
  <si>
    <t>100kg</t>
    <phoneticPr fontId="1"/>
  </si>
  <si>
    <t>699-1113</t>
    <phoneticPr fontId="1"/>
  </si>
  <si>
    <t>0854-49-7290</t>
    <phoneticPr fontId="1"/>
  </si>
  <si>
    <t>チーズの製造（OEM生産も可能）</t>
    <rPh sb="4" eb="6">
      <t>セイゾウ</t>
    </rPh>
    <rPh sb="10" eb="12">
      <t>セイサン</t>
    </rPh>
    <rPh sb="13" eb="15">
      <t>カノウ</t>
    </rPh>
    <phoneticPr fontId="1"/>
  </si>
  <si>
    <t>696-0313</t>
    <phoneticPr fontId="1"/>
  </si>
  <si>
    <t>邑智郡邑南町山田75-1</t>
    <rPh sb="0" eb="3">
      <t>オオチグン</t>
    </rPh>
    <rPh sb="3" eb="6">
      <t>オオナンチョウ</t>
    </rPh>
    <rPh sb="6" eb="8">
      <t>ヤマダ</t>
    </rPh>
    <phoneticPr fontId="1"/>
  </si>
  <si>
    <t>0855-83-0007</t>
    <phoneticPr fontId="1"/>
  </si>
  <si>
    <t>雲南市加茂町東谷371-1</t>
    <rPh sb="0" eb="3">
      <t>ウンナンシ</t>
    </rPh>
    <rPh sb="3" eb="6">
      <t>カモマチ</t>
    </rPh>
    <rPh sb="6" eb="7">
      <t>ヒガシ</t>
    </rPh>
    <rPh sb="7" eb="8">
      <t>タニ</t>
    </rPh>
    <phoneticPr fontId="1"/>
  </si>
  <si>
    <t>区分</t>
    <rPh sb="0" eb="2">
      <t>クブン</t>
    </rPh>
    <phoneticPr fontId="1"/>
  </si>
  <si>
    <t>農産</t>
    <rPh sb="0" eb="2">
      <t>ノウサン</t>
    </rPh>
    <phoneticPr fontId="1"/>
  </si>
  <si>
    <t>番号</t>
    <rPh sb="0" eb="2">
      <t>バンゴウ</t>
    </rPh>
    <phoneticPr fontId="1"/>
  </si>
  <si>
    <t>検査</t>
    <rPh sb="0" eb="2">
      <t>ケンサ</t>
    </rPh>
    <phoneticPr fontId="1"/>
  </si>
  <si>
    <t>水産</t>
    <rPh sb="0" eb="2">
      <t>スイサン</t>
    </rPh>
    <phoneticPr fontId="1"/>
  </si>
  <si>
    <t>調味料</t>
    <rPh sb="0" eb="3">
      <t>チョウミリョウ</t>
    </rPh>
    <phoneticPr fontId="1"/>
  </si>
  <si>
    <t>飲料</t>
    <rPh sb="0" eb="2">
      <t>インリョウ</t>
    </rPh>
    <phoneticPr fontId="1"/>
  </si>
  <si>
    <t>その他</t>
    <rPh sb="2" eb="3">
      <t>タ</t>
    </rPh>
    <phoneticPr fontId="1"/>
  </si>
  <si>
    <t>相談に応じます（小ロット可）</t>
    <rPh sb="0" eb="2">
      <t>ソウダン</t>
    </rPh>
    <rPh sb="3" eb="4">
      <t>オウ</t>
    </rPh>
    <rPh sb="8" eb="9">
      <t>ショウ</t>
    </rPh>
    <rPh sb="12" eb="13">
      <t>カ</t>
    </rPh>
    <phoneticPr fontId="1"/>
  </si>
  <si>
    <t>(公財)島根県環境保健公社</t>
    <rPh sb="1" eb="2">
      <t>コウ</t>
    </rPh>
    <rPh sb="2" eb="3">
      <t>ザイ</t>
    </rPh>
    <rPh sb="4" eb="7">
      <t>シマネケン</t>
    </rPh>
    <rPh sb="7" eb="9">
      <t>カンキョウ</t>
    </rPh>
    <rPh sb="9" eb="11">
      <t>ホケン</t>
    </rPh>
    <rPh sb="11" eb="13">
      <t>コウシャ</t>
    </rPh>
    <phoneticPr fontId="1"/>
  </si>
  <si>
    <t>510kgそれ以下の場合は相談に応じます</t>
    <rPh sb="7" eb="9">
      <t>イカ</t>
    </rPh>
    <rPh sb="10" eb="12">
      <t>バアイ</t>
    </rPh>
    <rPh sb="13" eb="15">
      <t>ソウダン</t>
    </rPh>
    <rPh sb="16" eb="17">
      <t>オウ</t>
    </rPh>
    <phoneticPr fontId="1"/>
  </si>
  <si>
    <t>0854-22-3080</t>
    <phoneticPr fontId="1"/>
  </si>
  <si>
    <t>500ｋｇ／日</t>
    <rPh sb="6" eb="7">
      <t>ニチ</t>
    </rPh>
    <phoneticPr fontId="1"/>
  </si>
  <si>
    <t>1回4000個</t>
    <rPh sb="1" eb="2">
      <t>カイ</t>
    </rPh>
    <rPh sb="6" eb="7">
      <t>コ</t>
    </rPh>
    <phoneticPr fontId="1"/>
  </si>
  <si>
    <r>
      <t>1008本</t>
    </r>
    <r>
      <rPr>
        <sz val="6"/>
        <color theme="1"/>
        <rFont val="ＭＳ Ｐゴシック"/>
        <family val="3"/>
        <charset val="128"/>
        <scheme val="minor"/>
      </rPr>
      <t>（24本42ケース）</t>
    </r>
    <rPh sb="4" eb="5">
      <t>ホン</t>
    </rPh>
    <rPh sb="8" eb="9">
      <t>ホン</t>
    </rPh>
    <phoneticPr fontId="1"/>
  </si>
  <si>
    <t>1ロット～</t>
  </si>
  <si>
    <t>1ロット～</t>
    <phoneticPr fontId="1"/>
  </si>
  <si>
    <t>1名～</t>
    <rPh sb="1" eb="2">
      <t>メイ</t>
    </rPh>
    <phoneticPr fontId="1"/>
  </si>
  <si>
    <t>1週間～</t>
    <rPh sb="1" eb="3">
      <t>シュウカン</t>
    </rPh>
    <phoneticPr fontId="1"/>
  </si>
  <si>
    <t>2週間程度</t>
    <rPh sb="1" eb="3">
      <t>シュウカン</t>
    </rPh>
    <rPh sb="3" eb="5">
      <t>テイド</t>
    </rPh>
    <phoneticPr fontId="1"/>
  </si>
  <si>
    <t>2週間</t>
    <rPh sb="1" eb="3">
      <t>シュウカン</t>
    </rPh>
    <phoneticPr fontId="1"/>
  </si>
  <si>
    <t>受注後2週間</t>
    <rPh sb="0" eb="2">
      <t>ジュチュウ</t>
    </rPh>
    <rPh sb="2" eb="3">
      <t>ゴ</t>
    </rPh>
    <rPh sb="4" eb="6">
      <t>シュウカン</t>
    </rPh>
    <phoneticPr fontId="1"/>
  </si>
  <si>
    <t>3日程度</t>
    <rPh sb="1" eb="2">
      <t>ニチ</t>
    </rPh>
    <rPh sb="2" eb="4">
      <t>テイド</t>
    </rPh>
    <phoneticPr fontId="1"/>
  </si>
  <si>
    <t>7日</t>
    <rPh sb="1" eb="2">
      <t>ニチ</t>
    </rPh>
    <phoneticPr fontId="1"/>
  </si>
  <si>
    <t>1～2週間程度</t>
    <rPh sb="3" eb="5">
      <t>シュウカン</t>
    </rPh>
    <rPh sb="5" eb="7">
      <t>テイド</t>
    </rPh>
    <phoneticPr fontId="1"/>
  </si>
  <si>
    <t>瑞穂リゾート㈱（しまねおおなんチーズ工房）</t>
    <rPh sb="0" eb="2">
      <t>ミズホ</t>
    </rPh>
    <rPh sb="18" eb="20">
      <t>コウボウ</t>
    </rPh>
    <phoneticPr fontId="1"/>
  </si>
  <si>
    <t>相談に応じます。期間限定あり。</t>
    <rPh sb="0" eb="2">
      <t>ソウダン</t>
    </rPh>
    <rPh sb="3" eb="4">
      <t>オウ</t>
    </rPh>
    <rPh sb="8" eb="10">
      <t>キカン</t>
    </rPh>
    <rPh sb="10" eb="12">
      <t>ゲンテイ</t>
    </rPh>
    <phoneticPr fontId="1"/>
  </si>
  <si>
    <t>相談に応じます。最低ロットあり。</t>
    <rPh sb="0" eb="2">
      <t>ソウダン</t>
    </rPh>
    <rPh sb="3" eb="4">
      <t>オウ</t>
    </rPh>
    <rPh sb="8" eb="10">
      <t>サイテイ</t>
    </rPh>
    <phoneticPr fontId="1"/>
  </si>
  <si>
    <t>0854-49-7314</t>
    <phoneticPr fontId="1"/>
  </si>
  <si>
    <t>ひかわ食品株式会社</t>
    <rPh sb="3" eb="9">
      <t>ショクヒンカブシキカイシャ</t>
    </rPh>
    <phoneticPr fontId="1"/>
  </si>
  <si>
    <t>トマトジュース</t>
    <phoneticPr fontId="1"/>
  </si>
  <si>
    <t>出雲市斐川町学頭3646-1</t>
    <rPh sb="0" eb="3">
      <t>イズモシ</t>
    </rPh>
    <rPh sb="3" eb="8">
      <t>ヒカワチョウガクトウ</t>
    </rPh>
    <phoneticPr fontId="1"/>
  </si>
  <si>
    <t>0853-72-6898</t>
    <phoneticPr fontId="1"/>
  </si>
  <si>
    <t>市原ファーム</t>
    <rPh sb="0" eb="2">
      <t>イチハラ</t>
    </rPh>
    <phoneticPr fontId="1"/>
  </si>
  <si>
    <t>鴨・鶏の処理・加工</t>
    <rPh sb="0" eb="1">
      <t>カモ</t>
    </rPh>
    <rPh sb="2" eb="3">
      <t>ニワトリ</t>
    </rPh>
    <rPh sb="4" eb="6">
      <t>ショリ</t>
    </rPh>
    <rPh sb="7" eb="9">
      <t>カコウ</t>
    </rPh>
    <phoneticPr fontId="1"/>
  </si>
  <si>
    <t>相談に応じて</t>
    <rPh sb="0" eb="2">
      <t>ソウダン</t>
    </rPh>
    <rPh sb="3" eb="4">
      <t>オウ</t>
    </rPh>
    <phoneticPr fontId="1"/>
  </si>
  <si>
    <t>邑智郡川本町大字南佐木343</t>
    <rPh sb="0" eb="6">
      <t>オオチグンカワモトチョウ</t>
    </rPh>
    <rPh sb="6" eb="8">
      <t>オオアザ</t>
    </rPh>
    <rPh sb="8" eb="11">
      <t>ミナミサキ</t>
    </rPh>
    <phoneticPr fontId="1"/>
  </si>
  <si>
    <t>(株)中村水産</t>
    <rPh sb="0" eb="3">
      <t>カブ</t>
    </rPh>
    <rPh sb="3" eb="5">
      <t>ナカムラ</t>
    </rPh>
    <rPh sb="5" eb="7">
      <t>スイサン</t>
    </rPh>
    <phoneticPr fontId="1"/>
  </si>
  <si>
    <t>水産物の加工食品</t>
    <rPh sb="0" eb="3">
      <t>スイサンブツ</t>
    </rPh>
    <rPh sb="4" eb="6">
      <t>カコウ</t>
    </rPh>
    <rPh sb="6" eb="8">
      <t>ショクヒン</t>
    </rPh>
    <phoneticPr fontId="1"/>
  </si>
  <si>
    <t>島根県浜田市原井町3050-33</t>
    <rPh sb="0" eb="3">
      <t>シマネケン</t>
    </rPh>
    <rPh sb="3" eb="6">
      <t>ハマダシ</t>
    </rPh>
    <rPh sb="6" eb="9">
      <t>ハライチョウ</t>
    </rPh>
    <phoneticPr fontId="1"/>
  </si>
  <si>
    <t>0853-72-6877</t>
    <phoneticPr fontId="1"/>
  </si>
  <si>
    <t>696-1225</t>
    <phoneticPr fontId="1"/>
  </si>
  <si>
    <t>090-3371-5767</t>
    <phoneticPr fontId="1"/>
  </si>
  <si>
    <t>0855-74-0578</t>
    <phoneticPr fontId="1"/>
  </si>
  <si>
    <t>0855-22-8001</t>
    <phoneticPr fontId="1"/>
  </si>
  <si>
    <t>0855-22-8002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4"/>
      <color theme="1"/>
      <name val="HG丸ｺﾞｼｯｸM-PRO"/>
      <family val="3"/>
      <charset val="128"/>
    </font>
    <font>
      <sz val="6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0"/>
      <color indexed="8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9"/>
      <name val="ＭＳ Ｐゴシック"/>
      <family val="3"/>
      <charset val="128"/>
      <scheme val="minor"/>
    </font>
    <font>
      <sz val="6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1">
    <xf numFmtId="0" fontId="0" fillId="0" borderId="0">
      <alignment vertical="center"/>
    </xf>
  </cellStyleXfs>
  <cellXfs count="53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left" vertical="center"/>
    </xf>
    <xf numFmtId="0" fontId="4" fillId="0" borderId="1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4" fillId="0" borderId="1" xfId="0" applyFont="1" applyBorder="1">
      <alignment vertical="center"/>
    </xf>
    <xf numFmtId="0" fontId="5" fillId="0" borderId="1" xfId="0" applyFont="1" applyFill="1" applyBorder="1" applyAlignment="1">
      <alignment vertical="center" shrinkToFit="1"/>
    </xf>
    <xf numFmtId="0" fontId="5" fillId="0" borderId="1" xfId="0" applyFont="1" applyBorder="1" applyAlignment="1">
      <alignment vertical="center" shrinkToFit="1"/>
    </xf>
    <xf numFmtId="0" fontId="5" fillId="0" borderId="1" xfId="0" applyFont="1" applyBorder="1" applyAlignment="1">
      <alignment horizontal="left" vertical="center" shrinkToFit="1"/>
    </xf>
    <xf numFmtId="0" fontId="4" fillId="0" borderId="0" xfId="0" applyFont="1">
      <alignment vertical="center"/>
    </xf>
    <xf numFmtId="0" fontId="6" fillId="0" borderId="1" xfId="0" applyFont="1" applyFill="1" applyBorder="1" applyAlignment="1">
      <alignment vertical="center" shrinkToFit="1"/>
    </xf>
    <xf numFmtId="0" fontId="6" fillId="0" borderId="1" xfId="0" applyFont="1" applyBorder="1" applyAlignment="1">
      <alignment vertical="center" shrinkToFit="1"/>
    </xf>
    <xf numFmtId="0" fontId="6" fillId="0" borderId="1" xfId="0" applyFont="1" applyBorder="1" applyAlignment="1">
      <alignment horizontal="left" vertical="center" shrinkToFit="1"/>
    </xf>
    <xf numFmtId="0" fontId="7" fillId="0" borderId="1" xfId="0" applyFont="1" applyFill="1" applyBorder="1" applyAlignment="1">
      <alignment horizontal="left" vertical="center" shrinkToFit="1"/>
    </xf>
    <xf numFmtId="0" fontId="7" fillId="0" borderId="1" xfId="0" applyFont="1" applyBorder="1" applyAlignment="1">
      <alignment vertical="center" shrinkToFit="1"/>
    </xf>
    <xf numFmtId="0" fontId="7" fillId="0" borderId="1" xfId="0" applyFont="1" applyBorder="1" applyAlignment="1">
      <alignment horizontal="left" vertical="center" shrinkToFit="1"/>
    </xf>
    <xf numFmtId="0" fontId="8" fillId="0" borderId="1" xfId="0" applyFont="1" applyBorder="1" applyAlignment="1">
      <alignment horizontal="left" vertical="center" shrinkToFit="1"/>
    </xf>
    <xf numFmtId="0" fontId="5" fillId="0" borderId="1" xfId="0" applyFont="1" applyFill="1" applyBorder="1" applyAlignment="1">
      <alignment horizontal="left" vertical="center" wrapText="1" shrinkToFit="1"/>
    </xf>
    <xf numFmtId="0" fontId="7" fillId="0" borderId="1" xfId="0" applyFont="1" applyFill="1" applyBorder="1" applyAlignment="1">
      <alignment vertical="center" shrinkToFit="1"/>
    </xf>
    <xf numFmtId="0" fontId="5" fillId="0" borderId="1" xfId="0" applyFont="1" applyBorder="1" applyAlignment="1">
      <alignment horizontal="left" vertical="center"/>
    </xf>
    <xf numFmtId="0" fontId="5" fillId="0" borderId="1" xfId="0" applyFont="1" applyBorder="1">
      <alignment vertical="center"/>
    </xf>
    <xf numFmtId="0" fontId="9" fillId="0" borderId="1" xfId="0" applyFont="1" applyBorder="1" applyAlignment="1">
      <alignment horizontal="left" vertical="center" wrapText="1" shrinkToFit="1"/>
    </xf>
    <xf numFmtId="0" fontId="9" fillId="0" borderId="1" xfId="0" applyFont="1" applyBorder="1" applyAlignment="1">
      <alignment horizontal="left" vertical="center" wrapText="1"/>
    </xf>
    <xf numFmtId="0" fontId="10" fillId="0" borderId="1" xfId="0" applyFont="1" applyBorder="1" applyAlignment="1">
      <alignment horizontal="left" vertical="center" wrapText="1" shrinkToFit="1"/>
    </xf>
    <xf numFmtId="0" fontId="4" fillId="0" borderId="1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left" vertical="center" shrinkToFit="1"/>
    </xf>
    <xf numFmtId="0" fontId="4" fillId="0" borderId="0" xfId="0" applyFont="1" applyFill="1">
      <alignment vertical="center"/>
    </xf>
    <xf numFmtId="0" fontId="10" fillId="0" borderId="1" xfId="0" applyFont="1" applyFill="1" applyBorder="1" applyAlignment="1">
      <alignment horizontal="left" vertical="center" wrapText="1" shrinkToFit="1"/>
    </xf>
    <xf numFmtId="0" fontId="7" fillId="0" borderId="1" xfId="0" applyFont="1" applyFill="1" applyBorder="1" applyAlignment="1">
      <alignment horizontal="left" vertical="center" wrapText="1" shrinkToFit="1"/>
    </xf>
    <xf numFmtId="0" fontId="5" fillId="0" borderId="1" xfId="0" applyFont="1" applyFill="1" applyBorder="1" applyAlignment="1">
      <alignment vertical="center" wrapText="1" shrinkToFit="1"/>
    </xf>
    <xf numFmtId="0" fontId="5" fillId="0" borderId="1" xfId="0" applyFont="1" applyFill="1" applyBorder="1" applyAlignment="1">
      <alignment vertical="center"/>
    </xf>
    <xf numFmtId="0" fontId="7" fillId="0" borderId="1" xfId="0" applyFont="1" applyFill="1" applyBorder="1" applyAlignment="1">
      <alignment vertical="center" wrapText="1" shrinkToFit="1"/>
    </xf>
    <xf numFmtId="0" fontId="7" fillId="0" borderId="1" xfId="0" applyFont="1" applyBorder="1" applyAlignment="1">
      <alignment vertical="center" wrapText="1" shrinkToFit="1"/>
    </xf>
    <xf numFmtId="0" fontId="5" fillId="0" borderId="1" xfId="0" applyFont="1" applyBorder="1" applyAlignment="1">
      <alignment vertical="center"/>
    </xf>
    <xf numFmtId="0" fontId="9" fillId="0" borderId="1" xfId="0" applyFont="1" applyBorder="1" applyAlignment="1">
      <alignment horizontal="center" vertical="center"/>
    </xf>
    <xf numFmtId="0" fontId="9" fillId="0" borderId="1" xfId="0" applyFont="1" applyBorder="1" applyAlignment="1">
      <alignment vertical="center" shrinkToFit="1"/>
    </xf>
    <xf numFmtId="0" fontId="10" fillId="0" borderId="1" xfId="0" applyFont="1" applyBorder="1" applyAlignment="1">
      <alignment vertical="center" shrinkToFit="1"/>
    </xf>
    <xf numFmtId="0" fontId="9" fillId="0" borderId="1" xfId="0" applyFont="1" applyFill="1" applyBorder="1" applyAlignment="1">
      <alignment vertical="center" shrinkToFit="1"/>
    </xf>
    <xf numFmtId="0" fontId="9" fillId="0" borderId="1" xfId="0" applyFont="1" applyBorder="1">
      <alignment vertical="center"/>
    </xf>
    <xf numFmtId="0" fontId="10" fillId="0" borderId="1" xfId="0" applyFont="1" applyFill="1" applyBorder="1" applyAlignment="1">
      <alignment vertical="center" shrinkToFit="1"/>
    </xf>
    <xf numFmtId="0" fontId="9" fillId="0" borderId="1" xfId="0" applyFont="1" applyFill="1" applyBorder="1">
      <alignment vertical="center"/>
    </xf>
    <xf numFmtId="0" fontId="9" fillId="0" borderId="1" xfId="0" applyFont="1" applyFill="1" applyBorder="1" applyAlignment="1">
      <alignment vertical="center"/>
    </xf>
    <xf numFmtId="0" fontId="9" fillId="0" borderId="1" xfId="0" applyFont="1" applyBorder="1" applyAlignment="1">
      <alignment vertical="center"/>
    </xf>
    <xf numFmtId="0" fontId="9" fillId="0" borderId="0" xfId="0" applyFont="1">
      <alignment vertical="center"/>
    </xf>
    <xf numFmtId="0" fontId="5" fillId="0" borderId="0" xfId="0" applyFont="1">
      <alignment vertical="center"/>
    </xf>
    <xf numFmtId="0" fontId="6" fillId="0" borderId="1" xfId="0" applyFont="1" applyBorder="1">
      <alignment vertical="center"/>
    </xf>
    <xf numFmtId="0" fontId="7" fillId="0" borderId="1" xfId="0" applyFont="1" applyBorder="1">
      <alignment vertical="center"/>
    </xf>
    <xf numFmtId="0" fontId="5" fillId="0" borderId="1" xfId="0" applyFont="1" applyFill="1" applyBorder="1">
      <alignment vertical="center"/>
    </xf>
    <xf numFmtId="0" fontId="7" fillId="0" borderId="1" xfId="0" applyFont="1" applyFill="1" applyBorder="1">
      <alignment vertical="center"/>
    </xf>
    <xf numFmtId="0" fontId="5" fillId="0" borderId="0" xfId="0" applyFont="1" applyFill="1">
      <alignment vertical="center"/>
    </xf>
    <xf numFmtId="0" fontId="5" fillId="0" borderId="1" xfId="0" applyFont="1" applyFill="1" applyBorder="1" applyAlignment="1">
      <alignment horizontal="left" vertical="center" wrapText="1"/>
    </xf>
    <xf numFmtId="0" fontId="8" fillId="0" borderId="1" xfId="0" applyFont="1" applyBorder="1" applyAlignment="1">
      <alignment horizontal="left" vertical="center" wrapText="1" shrinkToFit="1"/>
    </xf>
    <xf numFmtId="0" fontId="5" fillId="0" borderId="2" xfId="0" applyFont="1" applyBorder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89"/>
  <sheetViews>
    <sheetView tabSelected="1" zoomScaleNormal="100" zoomScaleSheetLayoutView="100" workbookViewId="0">
      <pane xSplit="3" ySplit="1" topLeftCell="D2" activePane="bottomRight" state="frozen"/>
      <selection pane="topRight" activeCell="C1" sqref="C1"/>
      <selection pane="bottomLeft" activeCell="A6" sqref="A6"/>
      <selection pane="bottomRight"/>
    </sheetView>
  </sheetViews>
  <sheetFormatPr defaultRowHeight="13.5" x14ac:dyDescent="0.15"/>
  <cols>
    <col min="1" max="1" width="7" customWidth="1"/>
    <col min="2" max="2" width="9" style="1"/>
    <col min="3" max="3" width="34.75" customWidth="1"/>
    <col min="4" max="4" width="54.5" customWidth="1"/>
    <col min="5" max="5" width="26.25" style="2" customWidth="1"/>
    <col min="6" max="6" width="18.75" customWidth="1"/>
    <col min="7" max="7" width="8.625" style="43" customWidth="1"/>
    <col min="8" max="8" width="29.875" customWidth="1"/>
    <col min="9" max="10" width="17.75" customWidth="1"/>
  </cols>
  <sheetData>
    <row r="1" spans="1:11" s="4" customFormat="1" ht="26.25" customHeight="1" x14ac:dyDescent="0.15">
      <c r="A1" s="3" t="s">
        <v>374</v>
      </c>
      <c r="B1" s="3" t="s">
        <v>372</v>
      </c>
      <c r="C1" s="3" t="s">
        <v>2</v>
      </c>
      <c r="D1" s="3" t="s">
        <v>5</v>
      </c>
      <c r="E1" s="3" t="s">
        <v>0</v>
      </c>
      <c r="F1" s="3" t="s">
        <v>1</v>
      </c>
      <c r="G1" s="34" t="s">
        <v>140</v>
      </c>
      <c r="H1" s="3" t="s">
        <v>141</v>
      </c>
      <c r="I1" s="3" t="s">
        <v>3</v>
      </c>
      <c r="J1" s="3" t="s">
        <v>4</v>
      </c>
    </row>
    <row r="2" spans="1:11" s="9" customFormat="1" ht="12.75" customHeight="1" x14ac:dyDescent="0.15">
      <c r="A2" s="5">
        <v>1</v>
      </c>
      <c r="B2" s="3" t="s">
        <v>373</v>
      </c>
      <c r="C2" s="6" t="s">
        <v>18</v>
      </c>
      <c r="D2" s="7" t="s">
        <v>19</v>
      </c>
      <c r="E2" s="8" t="s">
        <v>6</v>
      </c>
      <c r="F2" s="7" t="s">
        <v>6</v>
      </c>
      <c r="G2" s="35" t="s">
        <v>173</v>
      </c>
      <c r="H2" s="7" t="s">
        <v>174</v>
      </c>
      <c r="I2" s="20" t="s">
        <v>20</v>
      </c>
      <c r="J2" s="20" t="s">
        <v>20</v>
      </c>
      <c r="K2" s="44"/>
    </row>
    <row r="3" spans="1:11" s="9" customFormat="1" ht="12.75" customHeight="1" x14ac:dyDescent="0.15">
      <c r="A3" s="5">
        <v>2</v>
      </c>
      <c r="B3" s="3" t="s">
        <v>373</v>
      </c>
      <c r="C3" s="6" t="s">
        <v>343</v>
      </c>
      <c r="D3" s="7" t="s">
        <v>23</v>
      </c>
      <c r="E3" s="8" t="s">
        <v>24</v>
      </c>
      <c r="F3" s="7" t="s">
        <v>396</v>
      </c>
      <c r="G3" s="35" t="s">
        <v>194</v>
      </c>
      <c r="H3" s="7" t="s">
        <v>175</v>
      </c>
      <c r="I3" s="20" t="s">
        <v>25</v>
      </c>
      <c r="J3" s="20" t="s">
        <v>26</v>
      </c>
      <c r="K3" s="44"/>
    </row>
    <row r="4" spans="1:11" s="9" customFormat="1" ht="12.75" customHeight="1" x14ac:dyDescent="0.15">
      <c r="A4" s="5">
        <v>3</v>
      </c>
      <c r="B4" s="3" t="s">
        <v>373</v>
      </c>
      <c r="C4" s="6" t="s">
        <v>56</v>
      </c>
      <c r="D4" s="7" t="s">
        <v>51</v>
      </c>
      <c r="E4" s="8" t="s">
        <v>52</v>
      </c>
      <c r="F4" s="7" t="s">
        <v>6</v>
      </c>
      <c r="G4" s="35" t="s">
        <v>166</v>
      </c>
      <c r="H4" s="7" t="s">
        <v>165</v>
      </c>
      <c r="I4" s="20" t="s">
        <v>53</v>
      </c>
      <c r="J4" s="20" t="s">
        <v>54</v>
      </c>
      <c r="K4" s="44"/>
    </row>
    <row r="5" spans="1:11" s="9" customFormat="1" ht="12.75" customHeight="1" x14ac:dyDescent="0.15">
      <c r="A5" s="5">
        <v>4</v>
      </c>
      <c r="B5" s="3" t="s">
        <v>373</v>
      </c>
      <c r="C5" s="6" t="s">
        <v>56</v>
      </c>
      <c r="D5" s="7" t="s">
        <v>55</v>
      </c>
      <c r="E5" s="8" t="s">
        <v>52</v>
      </c>
      <c r="F5" s="7" t="s">
        <v>6</v>
      </c>
      <c r="G5" s="35" t="s">
        <v>166</v>
      </c>
      <c r="H5" s="7" t="s">
        <v>165</v>
      </c>
      <c r="I5" s="20" t="s">
        <v>53</v>
      </c>
      <c r="J5" s="20" t="s">
        <v>54</v>
      </c>
      <c r="K5" s="44"/>
    </row>
    <row r="6" spans="1:11" s="9" customFormat="1" ht="12.75" customHeight="1" x14ac:dyDescent="0.15">
      <c r="A6" s="5">
        <v>5</v>
      </c>
      <c r="B6" s="3" t="s">
        <v>373</v>
      </c>
      <c r="C6" s="10" t="s">
        <v>65</v>
      </c>
      <c r="D6" s="11" t="s">
        <v>70</v>
      </c>
      <c r="E6" s="12" t="s">
        <v>66</v>
      </c>
      <c r="F6" s="7" t="s">
        <v>392</v>
      </c>
      <c r="G6" s="35" t="s">
        <v>161</v>
      </c>
      <c r="H6" s="7" t="s">
        <v>160</v>
      </c>
      <c r="I6" s="45" t="s">
        <v>67</v>
      </c>
      <c r="J6" s="45" t="s">
        <v>68</v>
      </c>
      <c r="K6" s="44"/>
    </row>
    <row r="7" spans="1:11" s="9" customFormat="1" ht="12.75" customHeight="1" x14ac:dyDescent="0.15">
      <c r="A7" s="5">
        <v>6</v>
      </c>
      <c r="B7" s="3" t="s">
        <v>373</v>
      </c>
      <c r="C7" s="6" t="s">
        <v>98</v>
      </c>
      <c r="D7" s="7" t="s">
        <v>99</v>
      </c>
      <c r="E7" s="8" t="s">
        <v>6</v>
      </c>
      <c r="F7" s="7" t="s">
        <v>6</v>
      </c>
      <c r="G7" s="35" t="s">
        <v>148</v>
      </c>
      <c r="H7" s="7" t="s">
        <v>153</v>
      </c>
      <c r="I7" s="20" t="s">
        <v>100</v>
      </c>
      <c r="J7" s="20" t="s">
        <v>101</v>
      </c>
      <c r="K7" s="44"/>
    </row>
    <row r="8" spans="1:11" s="9" customFormat="1" ht="12.75" customHeight="1" x14ac:dyDescent="0.15">
      <c r="A8" s="5">
        <v>7</v>
      </c>
      <c r="B8" s="3" t="s">
        <v>373</v>
      </c>
      <c r="C8" s="6" t="s">
        <v>111</v>
      </c>
      <c r="D8" s="7" t="s">
        <v>112</v>
      </c>
      <c r="E8" s="8" t="s">
        <v>6</v>
      </c>
      <c r="F8" s="7" t="s">
        <v>6</v>
      </c>
      <c r="G8" s="35" t="s">
        <v>151</v>
      </c>
      <c r="H8" s="7" t="s">
        <v>144</v>
      </c>
      <c r="I8" s="33" t="s">
        <v>113</v>
      </c>
      <c r="J8" s="33" t="s">
        <v>114</v>
      </c>
      <c r="K8" s="44"/>
    </row>
    <row r="9" spans="1:11" s="9" customFormat="1" ht="12.75" customHeight="1" x14ac:dyDescent="0.15">
      <c r="A9" s="5">
        <v>8</v>
      </c>
      <c r="B9" s="3" t="s">
        <v>373</v>
      </c>
      <c r="C9" s="6" t="s">
        <v>111</v>
      </c>
      <c r="D9" s="7" t="s">
        <v>115</v>
      </c>
      <c r="E9" s="8" t="s">
        <v>6</v>
      </c>
      <c r="F9" s="7" t="s">
        <v>6</v>
      </c>
      <c r="G9" s="35" t="s">
        <v>143</v>
      </c>
      <c r="H9" s="7" t="s">
        <v>144</v>
      </c>
      <c r="I9" s="33" t="s">
        <v>113</v>
      </c>
      <c r="J9" s="33" t="s">
        <v>114</v>
      </c>
      <c r="K9" s="44"/>
    </row>
    <row r="10" spans="1:11" s="9" customFormat="1" ht="12.75" customHeight="1" x14ac:dyDescent="0.15">
      <c r="A10" s="5">
        <v>9</v>
      </c>
      <c r="B10" s="3" t="s">
        <v>373</v>
      </c>
      <c r="C10" s="6" t="s">
        <v>111</v>
      </c>
      <c r="D10" s="7" t="s">
        <v>116</v>
      </c>
      <c r="E10" s="8" t="s">
        <v>6</v>
      </c>
      <c r="F10" s="7" t="s">
        <v>6</v>
      </c>
      <c r="G10" s="35" t="s">
        <v>143</v>
      </c>
      <c r="H10" s="7" t="s">
        <v>144</v>
      </c>
      <c r="I10" s="33" t="s">
        <v>117</v>
      </c>
      <c r="J10" s="33" t="s">
        <v>118</v>
      </c>
      <c r="K10" s="44"/>
    </row>
    <row r="11" spans="1:11" s="9" customFormat="1" ht="12.75" customHeight="1" x14ac:dyDescent="0.15">
      <c r="A11" s="5">
        <v>10</v>
      </c>
      <c r="B11" s="3" t="s">
        <v>373</v>
      </c>
      <c r="C11" s="6" t="s">
        <v>119</v>
      </c>
      <c r="D11" s="7" t="s">
        <v>120</v>
      </c>
      <c r="E11" s="51" t="s">
        <v>382</v>
      </c>
      <c r="F11" s="7" t="s">
        <v>6</v>
      </c>
      <c r="G11" s="35" t="s">
        <v>149</v>
      </c>
      <c r="H11" s="7" t="s">
        <v>145</v>
      </c>
      <c r="I11" s="33" t="s">
        <v>121</v>
      </c>
      <c r="J11" s="33" t="s">
        <v>122</v>
      </c>
      <c r="K11" s="44"/>
    </row>
    <row r="12" spans="1:11" s="9" customFormat="1" ht="12.75" customHeight="1" x14ac:dyDescent="0.15">
      <c r="A12" s="5">
        <v>11</v>
      </c>
      <c r="B12" s="3" t="s">
        <v>373</v>
      </c>
      <c r="C12" s="6" t="s">
        <v>119</v>
      </c>
      <c r="D12" s="7" t="s">
        <v>123</v>
      </c>
      <c r="E12" s="8" t="s">
        <v>6</v>
      </c>
      <c r="F12" s="7" t="s">
        <v>6</v>
      </c>
      <c r="G12" s="35" t="s">
        <v>149</v>
      </c>
      <c r="H12" s="7" t="s">
        <v>145</v>
      </c>
      <c r="I12" s="33" t="s">
        <v>121</v>
      </c>
      <c r="J12" s="33" t="s">
        <v>122</v>
      </c>
      <c r="K12" s="44"/>
    </row>
    <row r="13" spans="1:11" s="9" customFormat="1" ht="12.75" customHeight="1" x14ac:dyDescent="0.15">
      <c r="A13" s="5">
        <v>12</v>
      </c>
      <c r="B13" s="3" t="s">
        <v>373</v>
      </c>
      <c r="C13" s="6" t="s">
        <v>124</v>
      </c>
      <c r="D13" s="7" t="s">
        <v>125</v>
      </c>
      <c r="E13" s="8" t="s">
        <v>6</v>
      </c>
      <c r="F13" s="7" t="s">
        <v>126</v>
      </c>
      <c r="G13" s="35" t="s">
        <v>150</v>
      </c>
      <c r="H13" s="7" t="s">
        <v>142</v>
      </c>
      <c r="I13" s="20" t="s">
        <v>127</v>
      </c>
      <c r="J13" s="20" t="s">
        <v>128</v>
      </c>
      <c r="K13" s="44"/>
    </row>
    <row r="14" spans="1:11" s="9" customFormat="1" ht="12.75" customHeight="1" x14ac:dyDescent="0.15">
      <c r="A14" s="5">
        <v>13</v>
      </c>
      <c r="B14" s="3" t="s">
        <v>373</v>
      </c>
      <c r="C14" s="13" t="s">
        <v>267</v>
      </c>
      <c r="D14" s="14" t="s">
        <v>268</v>
      </c>
      <c r="E14" s="15" t="s">
        <v>6</v>
      </c>
      <c r="F14" s="15" t="s">
        <v>6</v>
      </c>
      <c r="G14" s="36" t="s">
        <v>269</v>
      </c>
      <c r="H14" s="14" t="s">
        <v>270</v>
      </c>
      <c r="I14" s="46" t="s">
        <v>271</v>
      </c>
      <c r="J14" s="46" t="s">
        <v>271</v>
      </c>
      <c r="K14" s="44"/>
    </row>
    <row r="15" spans="1:11" s="9" customFormat="1" ht="12.75" customHeight="1" x14ac:dyDescent="0.15">
      <c r="A15" s="5">
        <v>14</v>
      </c>
      <c r="B15" s="3" t="s">
        <v>373</v>
      </c>
      <c r="C15" s="13" t="s">
        <v>278</v>
      </c>
      <c r="D15" s="14" t="s">
        <v>279</v>
      </c>
      <c r="E15" s="15" t="s">
        <v>6</v>
      </c>
      <c r="F15" s="15" t="s">
        <v>6</v>
      </c>
      <c r="G15" s="36" t="s">
        <v>280</v>
      </c>
      <c r="H15" s="14" t="s">
        <v>281</v>
      </c>
      <c r="I15" s="46" t="s">
        <v>282</v>
      </c>
      <c r="J15" s="46" t="s">
        <v>283</v>
      </c>
      <c r="K15" s="44"/>
    </row>
    <row r="16" spans="1:11" s="9" customFormat="1" ht="12.75" customHeight="1" x14ac:dyDescent="0.15">
      <c r="A16" s="5">
        <v>15</v>
      </c>
      <c r="B16" s="3" t="s">
        <v>373</v>
      </c>
      <c r="C16" s="7" t="s">
        <v>297</v>
      </c>
      <c r="D16" s="7" t="s">
        <v>298</v>
      </c>
      <c r="E16" s="16" t="s">
        <v>299</v>
      </c>
      <c r="F16" s="7" t="s">
        <v>300</v>
      </c>
      <c r="G16" s="36" t="s">
        <v>303</v>
      </c>
      <c r="H16" s="14" t="s">
        <v>304</v>
      </c>
      <c r="I16" s="20" t="s">
        <v>301</v>
      </c>
      <c r="J16" s="20" t="s">
        <v>302</v>
      </c>
      <c r="K16" s="44"/>
    </row>
    <row r="17" spans="1:11" s="9" customFormat="1" ht="12.75" customHeight="1" x14ac:dyDescent="0.15">
      <c r="A17" s="5">
        <v>16</v>
      </c>
      <c r="B17" s="3" t="s">
        <v>373</v>
      </c>
      <c r="C17" s="6" t="s">
        <v>316</v>
      </c>
      <c r="D17" s="6" t="s">
        <v>337</v>
      </c>
      <c r="E17" s="17" t="s">
        <v>6</v>
      </c>
      <c r="F17" s="6" t="s">
        <v>6</v>
      </c>
      <c r="G17" s="37" t="s">
        <v>317</v>
      </c>
      <c r="H17" s="6" t="s">
        <v>318</v>
      </c>
      <c r="I17" s="47" t="s">
        <v>319</v>
      </c>
      <c r="J17" s="47" t="s">
        <v>320</v>
      </c>
      <c r="K17" s="44"/>
    </row>
    <row r="18" spans="1:11" s="9" customFormat="1" ht="12.75" customHeight="1" x14ac:dyDescent="0.15">
      <c r="A18" s="5">
        <v>17</v>
      </c>
      <c r="B18" s="3" t="s">
        <v>373</v>
      </c>
      <c r="C18" s="13" t="s">
        <v>344</v>
      </c>
      <c r="D18" s="18" t="s">
        <v>345</v>
      </c>
      <c r="E18" s="19" t="s">
        <v>6</v>
      </c>
      <c r="F18" s="20" t="s">
        <v>6</v>
      </c>
      <c r="G18" s="38" t="s">
        <v>346</v>
      </c>
      <c r="H18" s="18" t="s">
        <v>347</v>
      </c>
      <c r="I18" s="48" t="s">
        <v>348</v>
      </c>
      <c r="J18" s="48" t="s">
        <v>349</v>
      </c>
      <c r="K18" s="44"/>
    </row>
    <row r="19" spans="1:11" s="9" customFormat="1" ht="12.75" customHeight="1" x14ac:dyDescent="0.15">
      <c r="A19" s="5">
        <v>18</v>
      </c>
      <c r="B19" s="3" t="s">
        <v>373</v>
      </c>
      <c r="C19" s="20" t="s">
        <v>350</v>
      </c>
      <c r="D19" s="20" t="s">
        <v>351</v>
      </c>
      <c r="E19" s="19" t="s">
        <v>6</v>
      </c>
      <c r="F19" s="20" t="s">
        <v>6</v>
      </c>
      <c r="G19" s="38" t="s">
        <v>355</v>
      </c>
      <c r="H19" s="18" t="s">
        <v>352</v>
      </c>
      <c r="I19" s="48" t="s">
        <v>353</v>
      </c>
      <c r="J19" s="48" t="s">
        <v>354</v>
      </c>
      <c r="K19" s="44"/>
    </row>
    <row r="20" spans="1:11" s="9" customFormat="1" ht="12.75" customHeight="1" x14ac:dyDescent="0.15">
      <c r="A20" s="5">
        <v>19</v>
      </c>
      <c r="B20" s="3" t="s">
        <v>373</v>
      </c>
      <c r="C20" s="20" t="s">
        <v>405</v>
      </c>
      <c r="D20" s="20" t="s">
        <v>406</v>
      </c>
      <c r="E20" s="20" t="s">
        <v>407</v>
      </c>
      <c r="F20" s="20" t="s">
        <v>407</v>
      </c>
      <c r="G20" s="20" t="s">
        <v>413</v>
      </c>
      <c r="H20" s="20" t="s">
        <v>408</v>
      </c>
      <c r="I20" s="20" t="s">
        <v>414</v>
      </c>
      <c r="J20" s="20" t="s">
        <v>415</v>
      </c>
      <c r="K20" s="44"/>
    </row>
    <row r="21" spans="1:11" s="9" customFormat="1" ht="12.75" customHeight="1" x14ac:dyDescent="0.15">
      <c r="A21" s="5">
        <v>20</v>
      </c>
      <c r="B21" s="3" t="s">
        <v>376</v>
      </c>
      <c r="C21" s="6" t="s">
        <v>31</v>
      </c>
      <c r="D21" s="7" t="s">
        <v>32</v>
      </c>
      <c r="E21" s="8">
        <v>30</v>
      </c>
      <c r="F21" s="7" t="s">
        <v>33</v>
      </c>
      <c r="G21" s="35" t="s">
        <v>176</v>
      </c>
      <c r="H21" s="7" t="s">
        <v>177</v>
      </c>
      <c r="I21" s="20" t="s">
        <v>34</v>
      </c>
      <c r="J21" s="20" t="s">
        <v>35</v>
      </c>
      <c r="K21" s="44"/>
    </row>
    <row r="22" spans="1:11" s="9" customFormat="1" ht="12.75" customHeight="1" x14ac:dyDescent="0.15">
      <c r="A22" s="5">
        <v>21</v>
      </c>
      <c r="B22" s="3" t="s">
        <v>376</v>
      </c>
      <c r="C22" s="6" t="s">
        <v>36</v>
      </c>
      <c r="D22" s="7" t="s">
        <v>37</v>
      </c>
      <c r="E22" s="8" t="s">
        <v>6</v>
      </c>
      <c r="F22" s="7" t="s">
        <v>6</v>
      </c>
      <c r="G22" s="35" t="s">
        <v>178</v>
      </c>
      <c r="H22" s="7" t="s">
        <v>179</v>
      </c>
      <c r="I22" s="20" t="s">
        <v>39</v>
      </c>
      <c r="J22" s="20" t="s">
        <v>40</v>
      </c>
      <c r="K22" s="44"/>
    </row>
    <row r="23" spans="1:11" s="9" customFormat="1" ht="12.75" customHeight="1" x14ac:dyDescent="0.15">
      <c r="A23" s="5">
        <v>22</v>
      </c>
      <c r="B23" s="3" t="s">
        <v>376</v>
      </c>
      <c r="C23" s="6" t="s">
        <v>36</v>
      </c>
      <c r="D23" s="7" t="s">
        <v>38</v>
      </c>
      <c r="E23" s="8" t="s">
        <v>6</v>
      </c>
      <c r="F23" s="7" t="s">
        <v>6</v>
      </c>
      <c r="G23" s="35" t="s">
        <v>178</v>
      </c>
      <c r="H23" s="7" t="s">
        <v>179</v>
      </c>
      <c r="I23" s="20" t="s">
        <v>39</v>
      </c>
      <c r="J23" s="20" t="s">
        <v>40</v>
      </c>
      <c r="K23" s="44"/>
    </row>
    <row r="24" spans="1:11" s="9" customFormat="1" ht="12.75" customHeight="1" x14ac:dyDescent="0.15">
      <c r="A24" s="5">
        <v>23</v>
      </c>
      <c r="B24" s="3" t="s">
        <v>376</v>
      </c>
      <c r="C24" s="6" t="s">
        <v>44</v>
      </c>
      <c r="D24" s="7" t="s">
        <v>45</v>
      </c>
      <c r="E24" s="8" t="s">
        <v>6</v>
      </c>
      <c r="F24" s="7" t="s">
        <v>6</v>
      </c>
      <c r="G24" s="35" t="s">
        <v>182</v>
      </c>
      <c r="H24" s="7" t="s">
        <v>183</v>
      </c>
      <c r="I24" s="20" t="s">
        <v>46</v>
      </c>
      <c r="J24" s="20" t="s">
        <v>47</v>
      </c>
      <c r="K24" s="44"/>
    </row>
    <row r="25" spans="1:11" s="9" customFormat="1" ht="12.75" customHeight="1" x14ac:dyDescent="0.15">
      <c r="A25" s="5">
        <v>24</v>
      </c>
      <c r="B25" s="3" t="s">
        <v>376</v>
      </c>
      <c r="C25" s="6" t="s">
        <v>44</v>
      </c>
      <c r="D25" s="7" t="s">
        <v>261</v>
      </c>
      <c r="E25" s="8" t="s">
        <v>6</v>
      </c>
      <c r="F25" s="7" t="s">
        <v>6</v>
      </c>
      <c r="G25" s="35" t="s">
        <v>182</v>
      </c>
      <c r="H25" s="7" t="s">
        <v>183</v>
      </c>
      <c r="I25" s="20" t="s">
        <v>46</v>
      </c>
      <c r="J25" s="20" t="s">
        <v>47</v>
      </c>
      <c r="K25" s="44"/>
    </row>
    <row r="26" spans="1:11" s="9" customFormat="1" ht="12.75" customHeight="1" x14ac:dyDescent="0.15">
      <c r="A26" s="5">
        <v>25</v>
      </c>
      <c r="B26" s="3" t="s">
        <v>376</v>
      </c>
      <c r="C26" s="6" t="s">
        <v>94</v>
      </c>
      <c r="D26" s="7" t="s">
        <v>95</v>
      </c>
      <c r="E26" s="21" t="s">
        <v>380</v>
      </c>
      <c r="F26" s="7" t="s">
        <v>394</v>
      </c>
      <c r="G26" s="35" t="s">
        <v>188</v>
      </c>
      <c r="H26" s="7" t="s">
        <v>189</v>
      </c>
      <c r="I26" s="20" t="s">
        <v>96</v>
      </c>
      <c r="J26" s="20" t="s">
        <v>97</v>
      </c>
      <c r="K26" s="44"/>
    </row>
    <row r="27" spans="1:11" s="9" customFormat="1" ht="12.75" customHeight="1" x14ac:dyDescent="0.15">
      <c r="A27" s="5">
        <v>26</v>
      </c>
      <c r="B27" s="3" t="s">
        <v>376</v>
      </c>
      <c r="C27" s="13" t="s">
        <v>219</v>
      </c>
      <c r="D27" s="14" t="s">
        <v>220</v>
      </c>
      <c r="E27" s="15" t="s">
        <v>384</v>
      </c>
      <c r="F27" s="15" t="s">
        <v>395</v>
      </c>
      <c r="G27" s="36" t="s">
        <v>221</v>
      </c>
      <c r="H27" s="14" t="s">
        <v>255</v>
      </c>
      <c r="I27" s="46" t="s">
        <v>222</v>
      </c>
      <c r="J27" s="46" t="s">
        <v>223</v>
      </c>
      <c r="K27" s="44"/>
    </row>
    <row r="28" spans="1:11" s="9" customFormat="1" ht="12.75" customHeight="1" x14ac:dyDescent="0.15">
      <c r="A28" s="5">
        <v>27</v>
      </c>
      <c r="B28" s="3" t="s">
        <v>376</v>
      </c>
      <c r="C28" s="13" t="s">
        <v>229</v>
      </c>
      <c r="D28" s="14" t="s">
        <v>230</v>
      </c>
      <c r="E28" s="15" t="s">
        <v>6</v>
      </c>
      <c r="F28" s="15" t="s">
        <v>6</v>
      </c>
      <c r="G28" s="36" t="s">
        <v>221</v>
      </c>
      <c r="H28" s="14" t="s">
        <v>259</v>
      </c>
      <c r="I28" s="46" t="s">
        <v>231</v>
      </c>
      <c r="J28" s="46" t="s">
        <v>232</v>
      </c>
      <c r="K28" s="44"/>
    </row>
    <row r="29" spans="1:11" s="9" customFormat="1" ht="12.75" customHeight="1" x14ac:dyDescent="0.15">
      <c r="A29" s="5">
        <v>28</v>
      </c>
      <c r="B29" s="3" t="s">
        <v>376</v>
      </c>
      <c r="C29" s="13" t="s">
        <v>238</v>
      </c>
      <c r="D29" s="14" t="s">
        <v>239</v>
      </c>
      <c r="E29" s="21" t="s">
        <v>380</v>
      </c>
      <c r="F29" s="15" t="s">
        <v>6</v>
      </c>
      <c r="G29" s="36" t="s">
        <v>240</v>
      </c>
      <c r="H29" s="14" t="s">
        <v>241</v>
      </c>
      <c r="I29" s="46" t="s">
        <v>242</v>
      </c>
      <c r="J29" s="46" t="s">
        <v>243</v>
      </c>
      <c r="K29" s="44"/>
    </row>
    <row r="30" spans="1:11" s="9" customFormat="1" ht="12.75" customHeight="1" x14ac:dyDescent="0.15">
      <c r="A30" s="5">
        <v>29</v>
      </c>
      <c r="B30" s="3" t="s">
        <v>376</v>
      </c>
      <c r="C30" s="13" t="s">
        <v>244</v>
      </c>
      <c r="D30" s="14" t="s">
        <v>245</v>
      </c>
      <c r="E30" s="15" t="s">
        <v>6</v>
      </c>
      <c r="F30" s="15" t="s">
        <v>6</v>
      </c>
      <c r="G30" s="36" t="s">
        <v>246</v>
      </c>
      <c r="H30" s="14" t="s">
        <v>257</v>
      </c>
      <c r="I30" s="46" t="s">
        <v>247</v>
      </c>
      <c r="J30" s="46" t="s">
        <v>248</v>
      </c>
      <c r="K30" s="44"/>
    </row>
    <row r="31" spans="1:11" s="9" customFormat="1" ht="12.75" customHeight="1" x14ac:dyDescent="0.15">
      <c r="A31" s="5">
        <v>30</v>
      </c>
      <c r="B31" s="3" t="s">
        <v>376</v>
      </c>
      <c r="C31" s="13" t="s">
        <v>262</v>
      </c>
      <c r="D31" s="14" t="s">
        <v>263</v>
      </c>
      <c r="E31" s="15" t="s">
        <v>6</v>
      </c>
      <c r="F31" s="15" t="s">
        <v>6</v>
      </c>
      <c r="G31" s="36" t="s">
        <v>221</v>
      </c>
      <c r="H31" s="14" t="s">
        <v>264</v>
      </c>
      <c r="I31" s="46" t="s">
        <v>265</v>
      </c>
      <c r="J31" s="46" t="s">
        <v>266</v>
      </c>
      <c r="K31" s="44"/>
    </row>
    <row r="32" spans="1:11" s="9" customFormat="1" ht="12.75" customHeight="1" x14ac:dyDescent="0.15">
      <c r="A32" s="5">
        <v>31</v>
      </c>
      <c r="B32" s="3" t="s">
        <v>376</v>
      </c>
      <c r="C32" s="13" t="s">
        <v>291</v>
      </c>
      <c r="D32" s="14" t="s">
        <v>292</v>
      </c>
      <c r="E32" s="15" t="s">
        <v>6</v>
      </c>
      <c r="F32" s="15" t="s">
        <v>6</v>
      </c>
      <c r="G32" s="36" t="s">
        <v>221</v>
      </c>
      <c r="H32" s="14" t="s">
        <v>293</v>
      </c>
      <c r="I32" s="46" t="s">
        <v>294</v>
      </c>
      <c r="J32" s="46" t="s">
        <v>295</v>
      </c>
      <c r="K32" s="44"/>
    </row>
    <row r="33" spans="1:11" s="9" customFormat="1" ht="12.75" customHeight="1" x14ac:dyDescent="0.15">
      <c r="A33" s="5">
        <v>32</v>
      </c>
      <c r="B33" s="3" t="s">
        <v>376</v>
      </c>
      <c r="C33" s="6" t="s">
        <v>136</v>
      </c>
      <c r="D33" s="7" t="s">
        <v>137</v>
      </c>
      <c r="E33" s="8" t="s">
        <v>6</v>
      </c>
      <c r="F33" s="7" t="s">
        <v>138</v>
      </c>
      <c r="G33" s="35" t="s">
        <v>192</v>
      </c>
      <c r="H33" s="7" t="s">
        <v>193</v>
      </c>
      <c r="I33" s="33" t="s">
        <v>139</v>
      </c>
      <c r="J33" s="33" t="s">
        <v>133</v>
      </c>
      <c r="K33" s="44"/>
    </row>
    <row r="34" spans="1:11" s="9" customFormat="1" ht="12.75" customHeight="1" x14ac:dyDescent="0.15">
      <c r="A34" s="5">
        <v>33</v>
      </c>
      <c r="B34" s="3" t="s">
        <v>376</v>
      </c>
      <c r="C34" s="13" t="s">
        <v>305</v>
      </c>
      <c r="D34" s="18" t="s">
        <v>306</v>
      </c>
      <c r="E34" s="22" t="s">
        <v>380</v>
      </c>
      <c r="F34" s="13" t="s">
        <v>6</v>
      </c>
      <c r="G34" s="38" t="s">
        <v>307</v>
      </c>
      <c r="H34" s="18" t="s">
        <v>308</v>
      </c>
      <c r="I34" s="48" t="s">
        <v>309</v>
      </c>
      <c r="J34" s="48" t="s">
        <v>310</v>
      </c>
      <c r="K34" s="44"/>
    </row>
    <row r="35" spans="1:11" s="9" customFormat="1" ht="12.75" customHeight="1" x14ac:dyDescent="0.15">
      <c r="A35" s="5">
        <v>34</v>
      </c>
      <c r="B35" s="3" t="s">
        <v>376</v>
      </c>
      <c r="C35" s="13" t="s">
        <v>409</v>
      </c>
      <c r="D35" s="13" t="s">
        <v>410</v>
      </c>
      <c r="E35" s="13" t="s">
        <v>6</v>
      </c>
      <c r="F35" s="13" t="s">
        <v>6</v>
      </c>
      <c r="G35" s="13" t="s">
        <v>221</v>
      </c>
      <c r="H35" s="13" t="s">
        <v>411</v>
      </c>
      <c r="I35" s="13" t="s">
        <v>416</v>
      </c>
      <c r="J35" s="13" t="s">
        <v>417</v>
      </c>
      <c r="K35" s="44"/>
    </row>
    <row r="36" spans="1:11" s="9" customFormat="1" ht="12.75" customHeight="1" x14ac:dyDescent="0.15">
      <c r="A36" s="5">
        <v>35</v>
      </c>
      <c r="B36" s="3" t="s">
        <v>377</v>
      </c>
      <c r="C36" s="13" t="s">
        <v>233</v>
      </c>
      <c r="D36" s="14" t="s">
        <v>234</v>
      </c>
      <c r="E36" s="15" t="s">
        <v>6</v>
      </c>
      <c r="F36" s="15" t="s">
        <v>6</v>
      </c>
      <c r="G36" s="36" t="s">
        <v>235</v>
      </c>
      <c r="H36" s="14" t="s">
        <v>258</v>
      </c>
      <c r="I36" s="46" t="s">
        <v>236</v>
      </c>
      <c r="J36" s="46" t="s">
        <v>237</v>
      </c>
      <c r="K36" s="44"/>
    </row>
    <row r="37" spans="1:11" s="9" customFormat="1" ht="26.25" customHeight="1" x14ac:dyDescent="0.15">
      <c r="A37" s="5">
        <v>36</v>
      </c>
      <c r="B37" s="3" t="s">
        <v>377</v>
      </c>
      <c r="C37" s="13" t="s">
        <v>272</v>
      </c>
      <c r="D37" s="14" t="s">
        <v>273</v>
      </c>
      <c r="E37" s="23" t="s">
        <v>399</v>
      </c>
      <c r="F37" s="23" t="s">
        <v>398</v>
      </c>
      <c r="G37" s="36" t="s">
        <v>274</v>
      </c>
      <c r="H37" s="14" t="s">
        <v>275</v>
      </c>
      <c r="I37" s="46" t="s">
        <v>276</v>
      </c>
      <c r="J37" s="46" t="s">
        <v>277</v>
      </c>
      <c r="K37" s="44"/>
    </row>
    <row r="38" spans="1:11" s="9" customFormat="1" ht="12.75" customHeight="1" x14ac:dyDescent="0.15">
      <c r="A38" s="5">
        <v>37</v>
      </c>
      <c r="B38" s="3" t="s">
        <v>377</v>
      </c>
      <c r="C38" s="20" t="s">
        <v>321</v>
      </c>
      <c r="D38" s="20" t="s">
        <v>327</v>
      </c>
      <c r="E38" s="19" t="s">
        <v>6</v>
      </c>
      <c r="F38" s="20" t="s">
        <v>6</v>
      </c>
      <c r="G38" s="38" t="s">
        <v>328</v>
      </c>
      <c r="H38" s="20" t="s">
        <v>324</v>
      </c>
      <c r="I38" s="20" t="s">
        <v>325</v>
      </c>
      <c r="J38" s="20" t="s">
        <v>326</v>
      </c>
      <c r="K38" s="44"/>
    </row>
    <row r="39" spans="1:11" s="26" customFormat="1" ht="12.75" customHeight="1" x14ac:dyDescent="0.15">
      <c r="A39" s="5">
        <v>38</v>
      </c>
      <c r="B39" s="24" t="s">
        <v>377</v>
      </c>
      <c r="C39" s="6" t="s">
        <v>356</v>
      </c>
      <c r="D39" s="6" t="s">
        <v>357</v>
      </c>
      <c r="E39" s="25" t="s">
        <v>6</v>
      </c>
      <c r="F39" s="6" t="s">
        <v>6</v>
      </c>
      <c r="G39" s="37" t="s">
        <v>358</v>
      </c>
      <c r="H39" s="6" t="s">
        <v>359</v>
      </c>
      <c r="I39" s="47" t="s">
        <v>360</v>
      </c>
      <c r="J39" s="47" t="s">
        <v>361</v>
      </c>
      <c r="K39" s="49"/>
    </row>
    <row r="40" spans="1:11" s="26" customFormat="1" ht="12.75" customHeight="1" x14ac:dyDescent="0.15">
      <c r="A40" s="5">
        <v>39</v>
      </c>
      <c r="B40" s="24" t="s">
        <v>378</v>
      </c>
      <c r="C40" s="6" t="s">
        <v>27</v>
      </c>
      <c r="D40" s="6" t="s">
        <v>28</v>
      </c>
      <c r="E40" s="25" t="s">
        <v>385</v>
      </c>
      <c r="F40" s="6" t="s">
        <v>393</v>
      </c>
      <c r="G40" s="37" t="s">
        <v>168</v>
      </c>
      <c r="H40" s="6" t="s">
        <v>167</v>
      </c>
      <c r="I40" s="47" t="s">
        <v>29</v>
      </c>
      <c r="J40" s="47" t="s">
        <v>30</v>
      </c>
      <c r="K40" s="49"/>
    </row>
    <row r="41" spans="1:11" s="26" customFormat="1" ht="12.75" customHeight="1" x14ac:dyDescent="0.15">
      <c r="A41" s="5">
        <v>40</v>
      </c>
      <c r="B41" s="24" t="s">
        <v>378</v>
      </c>
      <c r="C41" s="6" t="s">
        <v>49</v>
      </c>
      <c r="D41" s="6" t="s">
        <v>48</v>
      </c>
      <c r="E41" s="25" t="s">
        <v>6</v>
      </c>
      <c r="F41" s="6" t="s">
        <v>6</v>
      </c>
      <c r="G41" s="37" t="s">
        <v>186</v>
      </c>
      <c r="H41" s="6" t="s">
        <v>187</v>
      </c>
      <c r="I41" s="6" t="s">
        <v>50</v>
      </c>
      <c r="J41" s="6" t="s">
        <v>50</v>
      </c>
      <c r="K41" s="49"/>
    </row>
    <row r="42" spans="1:11" s="26" customFormat="1" ht="12.75" customHeight="1" x14ac:dyDescent="0.15">
      <c r="A42" s="5">
        <v>41</v>
      </c>
      <c r="B42" s="24" t="s">
        <v>378</v>
      </c>
      <c r="C42" s="6" t="s">
        <v>62</v>
      </c>
      <c r="D42" s="6" t="s">
        <v>63</v>
      </c>
      <c r="E42" s="25" t="s">
        <v>6</v>
      </c>
      <c r="F42" s="6" t="s">
        <v>64</v>
      </c>
      <c r="G42" s="37" t="s">
        <v>163</v>
      </c>
      <c r="H42" s="6" t="s">
        <v>162</v>
      </c>
      <c r="I42" s="47" t="s">
        <v>60</v>
      </c>
      <c r="J42" s="47" t="s">
        <v>61</v>
      </c>
      <c r="K42" s="49"/>
    </row>
    <row r="43" spans="1:11" s="26" customFormat="1" ht="12.75" customHeight="1" x14ac:dyDescent="0.15">
      <c r="A43" s="5">
        <v>42</v>
      </c>
      <c r="B43" s="24" t="s">
        <v>378</v>
      </c>
      <c r="C43" s="6" t="s">
        <v>74</v>
      </c>
      <c r="D43" s="6" t="s">
        <v>71</v>
      </c>
      <c r="E43" s="25" t="s">
        <v>6</v>
      </c>
      <c r="F43" s="6" t="s">
        <v>6</v>
      </c>
      <c r="G43" s="37" t="s">
        <v>159</v>
      </c>
      <c r="H43" s="6" t="s">
        <v>158</v>
      </c>
      <c r="I43" s="47" t="s">
        <v>72</v>
      </c>
      <c r="J43" s="47" t="s">
        <v>73</v>
      </c>
      <c r="K43" s="49"/>
    </row>
    <row r="44" spans="1:11" s="26" customFormat="1" ht="12.75" customHeight="1" x14ac:dyDescent="0.15">
      <c r="A44" s="5">
        <v>43</v>
      </c>
      <c r="B44" s="24" t="s">
        <v>378</v>
      </c>
      <c r="C44" s="6" t="s">
        <v>83</v>
      </c>
      <c r="D44" s="6" t="s">
        <v>82</v>
      </c>
      <c r="E44" s="25" t="s">
        <v>6</v>
      </c>
      <c r="F44" s="6" t="s">
        <v>6</v>
      </c>
      <c r="G44" s="37" t="s">
        <v>157</v>
      </c>
      <c r="H44" s="6" t="s">
        <v>156</v>
      </c>
      <c r="I44" s="47" t="s">
        <v>80</v>
      </c>
      <c r="J44" s="47" t="s">
        <v>81</v>
      </c>
      <c r="K44" s="49"/>
    </row>
    <row r="45" spans="1:11" s="26" customFormat="1" ht="12.75" customHeight="1" x14ac:dyDescent="0.15">
      <c r="A45" s="5">
        <v>44</v>
      </c>
      <c r="B45" s="24" t="s">
        <v>378</v>
      </c>
      <c r="C45" s="6" t="s">
        <v>102</v>
      </c>
      <c r="D45" s="6" t="s">
        <v>103</v>
      </c>
      <c r="E45" s="17" t="s">
        <v>104</v>
      </c>
      <c r="F45" s="6" t="s">
        <v>105</v>
      </c>
      <c r="G45" s="37" t="s">
        <v>152</v>
      </c>
      <c r="H45" s="6" t="s">
        <v>147</v>
      </c>
      <c r="I45" s="47" t="s">
        <v>106</v>
      </c>
      <c r="J45" s="47" t="s">
        <v>107</v>
      </c>
      <c r="K45" s="49"/>
    </row>
    <row r="46" spans="1:11" s="26" customFormat="1" ht="12.75" customHeight="1" x14ac:dyDescent="0.15">
      <c r="A46" s="5">
        <v>45</v>
      </c>
      <c r="B46" s="24" t="s">
        <v>378</v>
      </c>
      <c r="C46" s="6" t="s">
        <v>102</v>
      </c>
      <c r="D46" s="6" t="s">
        <v>108</v>
      </c>
      <c r="E46" s="17" t="s">
        <v>104</v>
      </c>
      <c r="F46" s="6" t="s">
        <v>105</v>
      </c>
      <c r="G46" s="37" t="s">
        <v>146</v>
      </c>
      <c r="H46" s="6" t="s">
        <v>147</v>
      </c>
      <c r="I46" s="47" t="s">
        <v>106</v>
      </c>
      <c r="J46" s="47" t="s">
        <v>107</v>
      </c>
      <c r="K46" s="49"/>
    </row>
    <row r="47" spans="1:11" s="26" customFormat="1" ht="12.75" customHeight="1" x14ac:dyDescent="0.15">
      <c r="A47" s="5">
        <v>46</v>
      </c>
      <c r="B47" s="24" t="s">
        <v>378</v>
      </c>
      <c r="C47" s="6" t="s">
        <v>102</v>
      </c>
      <c r="D47" s="6" t="s">
        <v>109</v>
      </c>
      <c r="E47" s="17" t="s">
        <v>386</v>
      </c>
      <c r="F47" s="6" t="s">
        <v>110</v>
      </c>
      <c r="G47" s="37" t="s">
        <v>146</v>
      </c>
      <c r="H47" s="6" t="s">
        <v>147</v>
      </c>
      <c r="I47" s="47" t="s">
        <v>106</v>
      </c>
      <c r="J47" s="47" t="s">
        <v>107</v>
      </c>
      <c r="K47" s="49"/>
    </row>
    <row r="48" spans="1:11" s="26" customFormat="1" ht="12.75" customHeight="1" x14ac:dyDescent="0.15">
      <c r="A48" s="5">
        <v>47</v>
      </c>
      <c r="B48" s="24" t="s">
        <v>378</v>
      </c>
      <c r="C48" s="6" t="s">
        <v>311</v>
      </c>
      <c r="D48" s="6" t="s">
        <v>312</v>
      </c>
      <c r="E48" s="17" t="s">
        <v>6</v>
      </c>
      <c r="F48" s="6" t="s">
        <v>6</v>
      </c>
      <c r="G48" s="37" t="s">
        <v>221</v>
      </c>
      <c r="H48" s="6" t="s">
        <v>313</v>
      </c>
      <c r="I48" s="47" t="s">
        <v>314</v>
      </c>
      <c r="J48" s="47" t="s">
        <v>315</v>
      </c>
      <c r="K48" s="49"/>
    </row>
    <row r="49" spans="1:11" s="26" customFormat="1" ht="12.75" customHeight="1" x14ac:dyDescent="0.15">
      <c r="A49" s="5">
        <v>48</v>
      </c>
      <c r="B49" s="24" t="s">
        <v>378</v>
      </c>
      <c r="C49" s="6" t="s">
        <v>321</v>
      </c>
      <c r="D49" s="6" t="s">
        <v>322</v>
      </c>
      <c r="E49" s="17" t="s">
        <v>6</v>
      </c>
      <c r="F49" s="6" t="s">
        <v>6</v>
      </c>
      <c r="G49" s="37" t="s">
        <v>323</v>
      </c>
      <c r="H49" s="6" t="s">
        <v>324</v>
      </c>
      <c r="I49" s="47" t="s">
        <v>325</v>
      </c>
      <c r="J49" s="47" t="s">
        <v>326</v>
      </c>
      <c r="K49" s="49"/>
    </row>
    <row r="50" spans="1:11" s="26" customFormat="1" ht="12.75" customHeight="1" x14ac:dyDescent="0.15">
      <c r="A50" s="5">
        <v>49</v>
      </c>
      <c r="B50" s="24" t="s">
        <v>378</v>
      </c>
      <c r="C50" s="6" t="s">
        <v>401</v>
      </c>
      <c r="D50" s="6" t="s">
        <v>402</v>
      </c>
      <c r="E50" s="6" t="s">
        <v>6</v>
      </c>
      <c r="F50" s="6" t="s">
        <v>6</v>
      </c>
      <c r="G50" s="6" t="s">
        <v>194</v>
      </c>
      <c r="H50" s="6" t="s">
        <v>403</v>
      </c>
      <c r="I50" s="6" t="s">
        <v>404</v>
      </c>
      <c r="J50" s="6" t="s">
        <v>412</v>
      </c>
      <c r="K50" s="49"/>
    </row>
    <row r="51" spans="1:11" s="26" customFormat="1" ht="12.75" customHeight="1" x14ac:dyDescent="0.15">
      <c r="A51" s="5">
        <v>50</v>
      </c>
      <c r="B51" s="24" t="s">
        <v>379</v>
      </c>
      <c r="C51" s="6" t="s">
        <v>7</v>
      </c>
      <c r="D51" s="6" t="s">
        <v>8</v>
      </c>
      <c r="E51" s="25" t="s">
        <v>6</v>
      </c>
      <c r="F51" s="6" t="s">
        <v>6</v>
      </c>
      <c r="G51" s="37" t="s">
        <v>171</v>
      </c>
      <c r="H51" s="6" t="s">
        <v>172</v>
      </c>
      <c r="I51" s="47" t="s">
        <v>9</v>
      </c>
      <c r="J51" s="47" t="s">
        <v>10</v>
      </c>
      <c r="K51" s="49"/>
    </row>
    <row r="52" spans="1:11" s="26" customFormat="1" ht="12.75" customHeight="1" x14ac:dyDescent="0.15">
      <c r="A52" s="5">
        <v>51</v>
      </c>
      <c r="B52" s="24" t="s">
        <v>379</v>
      </c>
      <c r="C52" s="6" t="s">
        <v>11</v>
      </c>
      <c r="D52" s="6" t="s">
        <v>12</v>
      </c>
      <c r="E52" s="25" t="s">
        <v>6</v>
      </c>
      <c r="F52" s="6" t="s">
        <v>6</v>
      </c>
      <c r="G52" s="37" t="s">
        <v>170</v>
      </c>
      <c r="H52" s="6" t="s">
        <v>169</v>
      </c>
      <c r="I52" s="47" t="s">
        <v>16</v>
      </c>
      <c r="J52" s="47" t="s">
        <v>17</v>
      </c>
      <c r="K52" s="49"/>
    </row>
    <row r="53" spans="1:11" s="26" customFormat="1" ht="12.75" customHeight="1" x14ac:dyDescent="0.15">
      <c r="A53" s="5">
        <v>52</v>
      </c>
      <c r="B53" s="24" t="s">
        <v>379</v>
      </c>
      <c r="C53" s="6" t="s">
        <v>11</v>
      </c>
      <c r="D53" s="6" t="s">
        <v>13</v>
      </c>
      <c r="E53" s="25" t="s">
        <v>6</v>
      </c>
      <c r="F53" s="6" t="s">
        <v>6</v>
      </c>
      <c r="G53" s="37" t="s">
        <v>170</v>
      </c>
      <c r="H53" s="6" t="s">
        <v>169</v>
      </c>
      <c r="I53" s="47" t="s">
        <v>16</v>
      </c>
      <c r="J53" s="47" t="s">
        <v>17</v>
      </c>
      <c r="K53" s="49"/>
    </row>
    <row r="54" spans="1:11" s="26" customFormat="1" ht="12.75" customHeight="1" x14ac:dyDescent="0.15">
      <c r="A54" s="5">
        <v>53</v>
      </c>
      <c r="B54" s="24" t="s">
        <v>379</v>
      </c>
      <c r="C54" s="6" t="s">
        <v>11</v>
      </c>
      <c r="D54" s="6" t="s">
        <v>14</v>
      </c>
      <c r="E54" s="25" t="s">
        <v>6</v>
      </c>
      <c r="F54" s="6" t="s">
        <v>6</v>
      </c>
      <c r="G54" s="37" t="s">
        <v>170</v>
      </c>
      <c r="H54" s="6" t="s">
        <v>169</v>
      </c>
      <c r="I54" s="47" t="s">
        <v>16</v>
      </c>
      <c r="J54" s="47" t="s">
        <v>17</v>
      </c>
      <c r="K54" s="49"/>
    </row>
    <row r="55" spans="1:11" s="26" customFormat="1" ht="12.75" customHeight="1" x14ac:dyDescent="0.15">
      <c r="A55" s="5">
        <v>54</v>
      </c>
      <c r="B55" s="24" t="s">
        <v>379</v>
      </c>
      <c r="C55" s="6" t="s">
        <v>11</v>
      </c>
      <c r="D55" s="6" t="s">
        <v>15</v>
      </c>
      <c r="E55" s="25" t="s">
        <v>6</v>
      </c>
      <c r="F55" s="6" t="s">
        <v>6</v>
      </c>
      <c r="G55" s="37" t="s">
        <v>170</v>
      </c>
      <c r="H55" s="6" t="s">
        <v>169</v>
      </c>
      <c r="I55" s="47" t="s">
        <v>16</v>
      </c>
      <c r="J55" s="47" t="s">
        <v>17</v>
      </c>
      <c r="K55" s="49"/>
    </row>
    <row r="56" spans="1:11" s="26" customFormat="1" ht="12.75" customHeight="1" x14ac:dyDescent="0.15">
      <c r="A56" s="5">
        <v>55</v>
      </c>
      <c r="B56" s="24" t="s">
        <v>379</v>
      </c>
      <c r="C56" s="6" t="s">
        <v>21</v>
      </c>
      <c r="D56" s="6" t="s">
        <v>22</v>
      </c>
      <c r="E56" s="25" t="s">
        <v>6</v>
      </c>
      <c r="F56" s="6" t="s">
        <v>6</v>
      </c>
      <c r="G56" s="37" t="s">
        <v>173</v>
      </c>
      <c r="H56" s="6" t="s">
        <v>174</v>
      </c>
      <c r="I56" s="47" t="s">
        <v>20</v>
      </c>
      <c r="J56" s="47" t="s">
        <v>20</v>
      </c>
      <c r="K56" s="49"/>
    </row>
    <row r="57" spans="1:11" s="26" customFormat="1" ht="12.75" customHeight="1" x14ac:dyDescent="0.15">
      <c r="A57" s="5">
        <v>56</v>
      </c>
      <c r="B57" s="24" t="s">
        <v>379</v>
      </c>
      <c r="C57" s="6" t="s">
        <v>41</v>
      </c>
      <c r="D57" s="6" t="s">
        <v>42</v>
      </c>
      <c r="E57" s="25" t="s">
        <v>6</v>
      </c>
      <c r="F57" s="6" t="s">
        <v>6</v>
      </c>
      <c r="G57" s="37" t="s">
        <v>180</v>
      </c>
      <c r="H57" s="6" t="s">
        <v>190</v>
      </c>
      <c r="I57" s="47" t="s">
        <v>43</v>
      </c>
      <c r="J57" s="47" t="s">
        <v>43</v>
      </c>
      <c r="K57" s="49"/>
    </row>
    <row r="58" spans="1:11" s="26" customFormat="1" ht="12.75" customHeight="1" x14ac:dyDescent="0.15">
      <c r="A58" s="5">
        <v>57</v>
      </c>
      <c r="B58" s="24" t="s">
        <v>379</v>
      </c>
      <c r="C58" s="6" t="s">
        <v>59</v>
      </c>
      <c r="D58" s="6" t="s">
        <v>57</v>
      </c>
      <c r="E58" s="25" t="s">
        <v>6</v>
      </c>
      <c r="F58" s="6" t="s">
        <v>6</v>
      </c>
      <c r="G58" s="37" t="s">
        <v>164</v>
      </c>
      <c r="H58" s="6" t="s">
        <v>191</v>
      </c>
      <c r="I58" s="47" t="s">
        <v>69</v>
      </c>
      <c r="J58" s="47" t="s">
        <v>383</v>
      </c>
      <c r="K58" s="49"/>
    </row>
    <row r="59" spans="1:11" s="26" customFormat="1" ht="12.75" customHeight="1" x14ac:dyDescent="0.15">
      <c r="A59" s="5">
        <v>58</v>
      </c>
      <c r="B59" s="24" t="s">
        <v>379</v>
      </c>
      <c r="C59" s="6" t="s">
        <v>59</v>
      </c>
      <c r="D59" s="6" t="s">
        <v>58</v>
      </c>
      <c r="E59" s="25" t="s">
        <v>6</v>
      </c>
      <c r="F59" s="6" t="s">
        <v>6</v>
      </c>
      <c r="G59" s="37" t="s">
        <v>164</v>
      </c>
      <c r="H59" s="6" t="s">
        <v>191</v>
      </c>
      <c r="I59" s="47" t="s">
        <v>69</v>
      </c>
      <c r="J59" s="47" t="s">
        <v>383</v>
      </c>
      <c r="K59" s="49"/>
    </row>
    <row r="60" spans="1:11" s="26" customFormat="1" ht="12.75" customHeight="1" x14ac:dyDescent="0.15">
      <c r="A60" s="5">
        <v>59</v>
      </c>
      <c r="B60" s="24" t="s">
        <v>379</v>
      </c>
      <c r="C60" s="6" t="s">
        <v>79</v>
      </c>
      <c r="D60" s="6" t="s">
        <v>75</v>
      </c>
      <c r="E60" s="25" t="s">
        <v>76</v>
      </c>
      <c r="F60" s="6" t="s">
        <v>392</v>
      </c>
      <c r="G60" s="37" t="s">
        <v>176</v>
      </c>
      <c r="H60" s="6" t="s">
        <v>181</v>
      </c>
      <c r="I60" s="47" t="s">
        <v>77</v>
      </c>
      <c r="J60" s="47" t="s">
        <v>78</v>
      </c>
      <c r="K60" s="49"/>
    </row>
    <row r="61" spans="1:11" s="26" customFormat="1" ht="12.75" customHeight="1" x14ac:dyDescent="0.15">
      <c r="A61" s="5">
        <v>60</v>
      </c>
      <c r="B61" s="24" t="s">
        <v>379</v>
      </c>
      <c r="C61" s="6" t="s">
        <v>87</v>
      </c>
      <c r="D61" s="6" t="s">
        <v>84</v>
      </c>
      <c r="E61" s="25" t="s">
        <v>6</v>
      </c>
      <c r="F61" s="6" t="s">
        <v>6</v>
      </c>
      <c r="G61" s="37" t="s">
        <v>184</v>
      </c>
      <c r="H61" s="6" t="s">
        <v>185</v>
      </c>
      <c r="I61" s="47" t="s">
        <v>88</v>
      </c>
      <c r="J61" s="47" t="s">
        <v>89</v>
      </c>
      <c r="K61" s="49"/>
    </row>
    <row r="62" spans="1:11" s="26" customFormat="1" ht="12.75" customHeight="1" x14ac:dyDescent="0.15">
      <c r="A62" s="5">
        <v>61</v>
      </c>
      <c r="B62" s="24" t="s">
        <v>379</v>
      </c>
      <c r="C62" s="6" t="s">
        <v>87</v>
      </c>
      <c r="D62" s="6" t="s">
        <v>85</v>
      </c>
      <c r="E62" s="25" t="s">
        <v>6</v>
      </c>
      <c r="F62" s="6" t="s">
        <v>6</v>
      </c>
      <c r="G62" s="37" t="s">
        <v>184</v>
      </c>
      <c r="H62" s="6" t="s">
        <v>185</v>
      </c>
      <c r="I62" s="47" t="s">
        <v>88</v>
      </c>
      <c r="J62" s="47" t="s">
        <v>89</v>
      </c>
      <c r="K62" s="49"/>
    </row>
    <row r="63" spans="1:11" s="26" customFormat="1" ht="12.75" customHeight="1" x14ac:dyDescent="0.15">
      <c r="A63" s="5">
        <v>62</v>
      </c>
      <c r="B63" s="24" t="s">
        <v>379</v>
      </c>
      <c r="C63" s="6" t="s">
        <v>87</v>
      </c>
      <c r="D63" s="6" t="s">
        <v>86</v>
      </c>
      <c r="E63" s="25" t="s">
        <v>6</v>
      </c>
      <c r="F63" s="6" t="s">
        <v>6</v>
      </c>
      <c r="G63" s="37" t="s">
        <v>184</v>
      </c>
      <c r="H63" s="6" t="s">
        <v>185</v>
      </c>
      <c r="I63" s="47" t="s">
        <v>88</v>
      </c>
      <c r="J63" s="47" t="s">
        <v>89</v>
      </c>
      <c r="K63" s="49"/>
    </row>
    <row r="64" spans="1:11" s="26" customFormat="1" ht="12.75" customHeight="1" x14ac:dyDescent="0.15">
      <c r="A64" s="5">
        <v>63</v>
      </c>
      <c r="B64" s="24" t="s">
        <v>379</v>
      </c>
      <c r="C64" s="6" t="s">
        <v>90</v>
      </c>
      <c r="D64" s="6" t="s">
        <v>93</v>
      </c>
      <c r="E64" s="25" t="s">
        <v>6</v>
      </c>
      <c r="F64" s="6" t="s">
        <v>6</v>
      </c>
      <c r="G64" s="37" t="s">
        <v>155</v>
      </c>
      <c r="H64" s="6" t="s">
        <v>154</v>
      </c>
      <c r="I64" s="47" t="s">
        <v>91</v>
      </c>
      <c r="J64" s="47" t="s">
        <v>92</v>
      </c>
      <c r="K64" s="49"/>
    </row>
    <row r="65" spans="1:11" s="26" customFormat="1" ht="12.75" customHeight="1" x14ac:dyDescent="0.15">
      <c r="A65" s="5">
        <v>64</v>
      </c>
      <c r="B65" s="24" t="s">
        <v>379</v>
      </c>
      <c r="C65" s="13" t="s">
        <v>224</v>
      </c>
      <c r="D65" s="18" t="s">
        <v>225</v>
      </c>
      <c r="E65" s="13" t="s">
        <v>6</v>
      </c>
      <c r="F65" s="13" t="s">
        <v>6</v>
      </c>
      <c r="G65" s="39" t="s">
        <v>226</v>
      </c>
      <c r="H65" s="18" t="s">
        <v>260</v>
      </c>
      <c r="I65" s="48" t="s">
        <v>227</v>
      </c>
      <c r="J65" s="48" t="s">
        <v>228</v>
      </c>
      <c r="K65" s="49"/>
    </row>
    <row r="66" spans="1:11" s="26" customFormat="1" ht="12.75" customHeight="1" x14ac:dyDescent="0.15">
      <c r="A66" s="5">
        <v>65</v>
      </c>
      <c r="B66" s="24" t="s">
        <v>379</v>
      </c>
      <c r="C66" s="13" t="s">
        <v>249</v>
      </c>
      <c r="D66" s="18" t="s">
        <v>250</v>
      </c>
      <c r="E66" s="27" t="s">
        <v>251</v>
      </c>
      <c r="F66" s="13" t="s">
        <v>6</v>
      </c>
      <c r="G66" s="39" t="s">
        <v>252</v>
      </c>
      <c r="H66" s="18" t="s">
        <v>256</v>
      </c>
      <c r="I66" s="48" t="s">
        <v>253</v>
      </c>
      <c r="J66" s="48" t="s">
        <v>254</v>
      </c>
      <c r="K66" s="49"/>
    </row>
    <row r="67" spans="1:11" s="26" customFormat="1" ht="12.75" customHeight="1" x14ac:dyDescent="0.15">
      <c r="A67" s="5">
        <v>66</v>
      </c>
      <c r="B67" s="24" t="s">
        <v>379</v>
      </c>
      <c r="C67" s="13" t="s">
        <v>284</v>
      </c>
      <c r="D67" s="18" t="s">
        <v>285</v>
      </c>
      <c r="E67" s="28" t="s">
        <v>286</v>
      </c>
      <c r="F67" s="27" t="s">
        <v>296</v>
      </c>
      <c r="G67" s="39" t="s">
        <v>287</v>
      </c>
      <c r="H67" s="18" t="s">
        <v>288</v>
      </c>
      <c r="I67" s="48" t="s">
        <v>289</v>
      </c>
      <c r="J67" s="48" t="s">
        <v>290</v>
      </c>
      <c r="K67" s="49"/>
    </row>
    <row r="68" spans="1:11" s="26" customFormat="1" ht="12.75" customHeight="1" x14ac:dyDescent="0.15">
      <c r="A68" s="5">
        <v>67</v>
      </c>
      <c r="B68" s="24" t="s">
        <v>379</v>
      </c>
      <c r="C68" s="18" t="s">
        <v>329</v>
      </c>
      <c r="D68" s="18" t="s">
        <v>330</v>
      </c>
      <c r="E68" s="25" t="s">
        <v>6</v>
      </c>
      <c r="F68" s="6" t="s">
        <v>6</v>
      </c>
      <c r="G68" s="40" t="s">
        <v>332</v>
      </c>
      <c r="H68" s="18" t="s">
        <v>333</v>
      </c>
      <c r="I68" s="48" t="s">
        <v>334</v>
      </c>
      <c r="J68" s="48" t="s">
        <v>335</v>
      </c>
      <c r="K68" s="49"/>
    </row>
    <row r="69" spans="1:11" s="26" customFormat="1" ht="12.75" customHeight="1" x14ac:dyDescent="0.15">
      <c r="A69" s="5">
        <v>68</v>
      </c>
      <c r="B69" s="24" t="s">
        <v>379</v>
      </c>
      <c r="C69" s="18" t="s">
        <v>329</v>
      </c>
      <c r="D69" s="18" t="s">
        <v>331</v>
      </c>
      <c r="E69" s="25" t="s">
        <v>6</v>
      </c>
      <c r="F69" s="6" t="s">
        <v>6</v>
      </c>
      <c r="G69" s="40" t="s">
        <v>332</v>
      </c>
      <c r="H69" s="18" t="s">
        <v>333</v>
      </c>
      <c r="I69" s="48" t="s">
        <v>334</v>
      </c>
      <c r="J69" s="48" t="s">
        <v>335</v>
      </c>
      <c r="K69" s="49"/>
    </row>
    <row r="70" spans="1:11" s="26" customFormat="1" ht="12.75" customHeight="1" x14ac:dyDescent="0.15">
      <c r="A70" s="5">
        <v>69</v>
      </c>
      <c r="B70" s="24" t="s">
        <v>379</v>
      </c>
      <c r="C70" s="13" t="s">
        <v>336</v>
      </c>
      <c r="D70" s="18" t="s">
        <v>338</v>
      </c>
      <c r="E70" s="25" t="s">
        <v>6</v>
      </c>
      <c r="F70" s="6" t="s">
        <v>6</v>
      </c>
      <c r="G70" s="40" t="s">
        <v>339</v>
      </c>
      <c r="H70" s="18" t="s">
        <v>340</v>
      </c>
      <c r="I70" s="48" t="s">
        <v>341</v>
      </c>
      <c r="J70" s="48" t="s">
        <v>342</v>
      </c>
      <c r="K70" s="49"/>
    </row>
    <row r="71" spans="1:11" s="26" customFormat="1" ht="12.75" customHeight="1" x14ac:dyDescent="0.15">
      <c r="A71" s="5">
        <v>70</v>
      </c>
      <c r="B71" s="24" t="s">
        <v>379</v>
      </c>
      <c r="C71" s="6" t="s">
        <v>362</v>
      </c>
      <c r="D71" s="6" t="s">
        <v>363</v>
      </c>
      <c r="E71" s="25" t="s">
        <v>364</v>
      </c>
      <c r="F71" s="6" t="s">
        <v>391</v>
      </c>
      <c r="G71" s="37" t="s">
        <v>365</v>
      </c>
      <c r="H71" s="6" t="s">
        <v>371</v>
      </c>
      <c r="I71" s="47" t="s">
        <v>366</v>
      </c>
      <c r="J71" s="47" t="s">
        <v>400</v>
      </c>
      <c r="K71" s="49"/>
    </row>
    <row r="72" spans="1:11" s="26" customFormat="1" ht="12.75" customHeight="1" x14ac:dyDescent="0.15">
      <c r="A72" s="5">
        <v>71</v>
      </c>
      <c r="B72" s="24" t="s">
        <v>379</v>
      </c>
      <c r="C72" s="17" t="s">
        <v>397</v>
      </c>
      <c r="D72" s="29" t="s">
        <v>367</v>
      </c>
      <c r="E72" s="25" t="s">
        <v>6</v>
      </c>
      <c r="F72" s="6" t="s">
        <v>6</v>
      </c>
      <c r="G72" s="37" t="s">
        <v>368</v>
      </c>
      <c r="H72" s="29" t="s">
        <v>369</v>
      </c>
      <c r="I72" s="50" t="s">
        <v>370</v>
      </c>
      <c r="J72" s="50" t="s">
        <v>370</v>
      </c>
      <c r="K72" s="49"/>
    </row>
    <row r="73" spans="1:11" s="26" customFormat="1" ht="12.75" customHeight="1" x14ac:dyDescent="0.15">
      <c r="A73" s="5">
        <v>72</v>
      </c>
      <c r="B73" s="24" t="s">
        <v>375</v>
      </c>
      <c r="C73" s="6" t="s">
        <v>129</v>
      </c>
      <c r="D73" s="6" t="s">
        <v>130</v>
      </c>
      <c r="E73" s="25" t="s">
        <v>6</v>
      </c>
      <c r="F73" s="6" t="s">
        <v>131</v>
      </c>
      <c r="G73" s="37" t="s">
        <v>192</v>
      </c>
      <c r="H73" s="6" t="s">
        <v>193</v>
      </c>
      <c r="I73" s="30" t="s">
        <v>132</v>
      </c>
      <c r="J73" s="30" t="s">
        <v>133</v>
      </c>
      <c r="K73" s="49"/>
    </row>
    <row r="74" spans="1:11" s="26" customFormat="1" ht="12.75" customHeight="1" x14ac:dyDescent="0.15">
      <c r="A74" s="5">
        <v>73</v>
      </c>
      <c r="B74" s="24" t="s">
        <v>375</v>
      </c>
      <c r="C74" s="6" t="s">
        <v>129</v>
      </c>
      <c r="D74" s="6" t="s">
        <v>134</v>
      </c>
      <c r="E74" s="25" t="s">
        <v>6</v>
      </c>
      <c r="F74" s="6" t="s">
        <v>135</v>
      </c>
      <c r="G74" s="37" t="s">
        <v>192</v>
      </c>
      <c r="H74" s="6" t="s">
        <v>193</v>
      </c>
      <c r="I74" s="30" t="s">
        <v>132</v>
      </c>
      <c r="J74" s="30" t="s">
        <v>133</v>
      </c>
      <c r="K74" s="49"/>
    </row>
    <row r="75" spans="1:11" s="26" customFormat="1" ht="12.75" customHeight="1" x14ac:dyDescent="0.15">
      <c r="A75" s="5">
        <v>74</v>
      </c>
      <c r="B75" s="24" t="s">
        <v>375</v>
      </c>
      <c r="C75" s="6" t="s">
        <v>195</v>
      </c>
      <c r="D75" s="6" t="s">
        <v>196</v>
      </c>
      <c r="E75" s="25" t="s">
        <v>388</v>
      </c>
      <c r="F75" s="6" t="s">
        <v>390</v>
      </c>
      <c r="G75" s="41" t="s">
        <v>208</v>
      </c>
      <c r="H75" s="30" t="s">
        <v>209</v>
      </c>
      <c r="I75" s="30" t="s">
        <v>197</v>
      </c>
      <c r="J75" s="30" t="s">
        <v>198</v>
      </c>
      <c r="K75" s="49"/>
    </row>
    <row r="76" spans="1:11" s="26" customFormat="1" ht="12.75" customHeight="1" x14ac:dyDescent="0.15">
      <c r="A76" s="5">
        <v>75</v>
      </c>
      <c r="B76" s="24" t="s">
        <v>375</v>
      </c>
      <c r="C76" s="6" t="s">
        <v>195</v>
      </c>
      <c r="D76" s="6" t="s">
        <v>199</v>
      </c>
      <c r="E76" s="25" t="s">
        <v>388</v>
      </c>
      <c r="F76" s="6" t="s">
        <v>6</v>
      </c>
      <c r="G76" s="41" t="s">
        <v>208</v>
      </c>
      <c r="H76" s="30" t="s">
        <v>209</v>
      </c>
      <c r="I76" s="30" t="s">
        <v>197</v>
      </c>
      <c r="J76" s="30" t="s">
        <v>198</v>
      </c>
      <c r="K76" s="49"/>
    </row>
    <row r="77" spans="1:11" s="26" customFormat="1" ht="12.75" customHeight="1" x14ac:dyDescent="0.15">
      <c r="A77" s="5">
        <v>76</v>
      </c>
      <c r="B77" s="24" t="s">
        <v>375</v>
      </c>
      <c r="C77" s="6" t="s">
        <v>195</v>
      </c>
      <c r="D77" s="6" t="s">
        <v>200</v>
      </c>
      <c r="E77" s="25" t="s">
        <v>387</v>
      </c>
      <c r="F77" s="6" t="s">
        <v>6</v>
      </c>
      <c r="G77" s="41" t="s">
        <v>208</v>
      </c>
      <c r="H77" s="30" t="s">
        <v>209</v>
      </c>
      <c r="I77" s="30" t="s">
        <v>197</v>
      </c>
      <c r="J77" s="30" t="s">
        <v>198</v>
      </c>
      <c r="K77" s="49"/>
    </row>
    <row r="78" spans="1:11" s="26" customFormat="1" ht="12.75" customHeight="1" x14ac:dyDescent="0.15">
      <c r="A78" s="5">
        <v>77</v>
      </c>
      <c r="B78" s="24" t="s">
        <v>375</v>
      </c>
      <c r="C78" s="6" t="s">
        <v>195</v>
      </c>
      <c r="D78" s="6" t="s">
        <v>201</v>
      </c>
      <c r="E78" s="25" t="s">
        <v>387</v>
      </c>
      <c r="F78" s="6" t="s">
        <v>6</v>
      </c>
      <c r="G78" s="41" t="s">
        <v>208</v>
      </c>
      <c r="H78" s="30" t="s">
        <v>209</v>
      </c>
      <c r="I78" s="30" t="s">
        <v>197</v>
      </c>
      <c r="J78" s="30" t="s">
        <v>198</v>
      </c>
      <c r="K78" s="49"/>
    </row>
    <row r="79" spans="1:11" s="26" customFormat="1" ht="12.75" customHeight="1" x14ac:dyDescent="0.15">
      <c r="A79" s="5">
        <v>78</v>
      </c>
      <c r="B79" s="24" t="s">
        <v>375</v>
      </c>
      <c r="C79" s="6" t="s">
        <v>195</v>
      </c>
      <c r="D79" s="6" t="s">
        <v>202</v>
      </c>
      <c r="E79" s="25" t="s">
        <v>387</v>
      </c>
      <c r="F79" s="6" t="s">
        <v>6</v>
      </c>
      <c r="G79" s="41" t="s">
        <v>208</v>
      </c>
      <c r="H79" s="30" t="s">
        <v>209</v>
      </c>
      <c r="I79" s="30" t="s">
        <v>197</v>
      </c>
      <c r="J79" s="30" t="s">
        <v>198</v>
      </c>
      <c r="K79" s="49"/>
    </row>
    <row r="80" spans="1:11" s="26" customFormat="1" ht="12.75" customHeight="1" x14ac:dyDescent="0.15">
      <c r="A80" s="5">
        <v>79</v>
      </c>
      <c r="B80" s="24" t="s">
        <v>375</v>
      </c>
      <c r="C80" s="6" t="s">
        <v>195</v>
      </c>
      <c r="D80" s="6" t="s">
        <v>203</v>
      </c>
      <c r="E80" s="25" t="s">
        <v>387</v>
      </c>
      <c r="F80" s="6" t="s">
        <v>6</v>
      </c>
      <c r="G80" s="41" t="s">
        <v>208</v>
      </c>
      <c r="H80" s="30" t="s">
        <v>209</v>
      </c>
      <c r="I80" s="30" t="s">
        <v>197</v>
      </c>
      <c r="J80" s="30" t="s">
        <v>198</v>
      </c>
      <c r="K80" s="49"/>
    </row>
    <row r="81" spans="1:11" s="26" customFormat="1" ht="12.75" customHeight="1" x14ac:dyDescent="0.15">
      <c r="A81" s="5">
        <v>80</v>
      </c>
      <c r="B81" s="24" t="s">
        <v>375</v>
      </c>
      <c r="C81" s="6" t="s">
        <v>195</v>
      </c>
      <c r="D81" s="6" t="s">
        <v>204</v>
      </c>
      <c r="E81" s="25" t="s">
        <v>387</v>
      </c>
      <c r="F81" s="6" t="s">
        <v>6</v>
      </c>
      <c r="G81" s="41" t="s">
        <v>208</v>
      </c>
      <c r="H81" s="30" t="s">
        <v>209</v>
      </c>
      <c r="I81" s="30" t="s">
        <v>197</v>
      </c>
      <c r="J81" s="30" t="s">
        <v>198</v>
      </c>
      <c r="K81" s="49"/>
    </row>
    <row r="82" spans="1:11" s="26" customFormat="1" ht="12.75" customHeight="1" x14ac:dyDescent="0.15">
      <c r="A82" s="5">
        <v>81</v>
      </c>
      <c r="B82" s="24" t="s">
        <v>375</v>
      </c>
      <c r="C82" s="6" t="s">
        <v>195</v>
      </c>
      <c r="D82" s="6" t="s">
        <v>205</v>
      </c>
      <c r="E82" s="25" t="s">
        <v>387</v>
      </c>
      <c r="F82" s="6" t="s">
        <v>6</v>
      </c>
      <c r="G82" s="41" t="s">
        <v>208</v>
      </c>
      <c r="H82" s="30" t="s">
        <v>209</v>
      </c>
      <c r="I82" s="30" t="s">
        <v>197</v>
      </c>
      <c r="J82" s="30" t="s">
        <v>198</v>
      </c>
      <c r="K82" s="49"/>
    </row>
    <row r="83" spans="1:11" s="26" customFormat="1" ht="12.75" customHeight="1" x14ac:dyDescent="0.15">
      <c r="A83" s="5">
        <v>82</v>
      </c>
      <c r="B83" s="24" t="s">
        <v>375</v>
      </c>
      <c r="C83" s="6" t="s">
        <v>195</v>
      </c>
      <c r="D83" s="6" t="s">
        <v>206</v>
      </c>
      <c r="E83" s="25" t="s">
        <v>387</v>
      </c>
      <c r="F83" s="6" t="s">
        <v>6</v>
      </c>
      <c r="G83" s="41" t="s">
        <v>208</v>
      </c>
      <c r="H83" s="30" t="s">
        <v>209</v>
      </c>
      <c r="I83" s="30" t="s">
        <v>197</v>
      </c>
      <c r="J83" s="30" t="s">
        <v>198</v>
      </c>
      <c r="K83" s="49"/>
    </row>
    <row r="84" spans="1:11" s="26" customFormat="1" ht="12.75" customHeight="1" x14ac:dyDescent="0.15">
      <c r="A84" s="5">
        <v>83</v>
      </c>
      <c r="B84" s="24" t="s">
        <v>375</v>
      </c>
      <c r="C84" s="6" t="s">
        <v>195</v>
      </c>
      <c r="D84" s="6" t="s">
        <v>207</v>
      </c>
      <c r="E84" s="25" t="s">
        <v>389</v>
      </c>
      <c r="F84" s="6" t="s">
        <v>126</v>
      </c>
      <c r="G84" s="41" t="s">
        <v>208</v>
      </c>
      <c r="H84" s="30" t="s">
        <v>209</v>
      </c>
      <c r="I84" s="30" t="s">
        <v>197</v>
      </c>
      <c r="J84" s="30" t="s">
        <v>198</v>
      </c>
      <c r="K84" s="49"/>
    </row>
    <row r="85" spans="1:11" s="26" customFormat="1" ht="12.75" customHeight="1" x14ac:dyDescent="0.15">
      <c r="A85" s="5">
        <v>84</v>
      </c>
      <c r="B85" s="24" t="s">
        <v>375</v>
      </c>
      <c r="C85" s="31" t="s">
        <v>381</v>
      </c>
      <c r="D85" s="31" t="s">
        <v>212</v>
      </c>
      <c r="E85" s="25" t="s">
        <v>6</v>
      </c>
      <c r="F85" s="6" t="s">
        <v>6</v>
      </c>
      <c r="G85" s="41" t="s">
        <v>217</v>
      </c>
      <c r="H85" s="30" t="s">
        <v>218</v>
      </c>
      <c r="I85" s="48" t="s">
        <v>210</v>
      </c>
      <c r="J85" s="48" t="s">
        <v>211</v>
      </c>
      <c r="K85" s="49"/>
    </row>
    <row r="86" spans="1:11" s="26" customFormat="1" ht="12.75" customHeight="1" x14ac:dyDescent="0.15">
      <c r="A86" s="5">
        <v>85</v>
      </c>
      <c r="B86" s="24" t="s">
        <v>375</v>
      </c>
      <c r="C86" s="31" t="s">
        <v>381</v>
      </c>
      <c r="D86" s="31" t="s">
        <v>213</v>
      </c>
      <c r="E86" s="25" t="s">
        <v>6</v>
      </c>
      <c r="F86" s="6" t="s">
        <v>6</v>
      </c>
      <c r="G86" s="41" t="s">
        <v>217</v>
      </c>
      <c r="H86" s="30" t="s">
        <v>218</v>
      </c>
      <c r="I86" s="48" t="s">
        <v>210</v>
      </c>
      <c r="J86" s="48" t="s">
        <v>211</v>
      </c>
      <c r="K86" s="49"/>
    </row>
    <row r="87" spans="1:11" s="26" customFormat="1" ht="12.75" customHeight="1" x14ac:dyDescent="0.15">
      <c r="A87" s="5">
        <v>86</v>
      </c>
      <c r="B87" s="24" t="s">
        <v>375</v>
      </c>
      <c r="C87" s="31" t="s">
        <v>381</v>
      </c>
      <c r="D87" s="31" t="s">
        <v>214</v>
      </c>
      <c r="E87" s="25" t="s">
        <v>6</v>
      </c>
      <c r="F87" s="6" t="s">
        <v>6</v>
      </c>
      <c r="G87" s="41" t="s">
        <v>217</v>
      </c>
      <c r="H87" s="30" t="s">
        <v>218</v>
      </c>
      <c r="I87" s="48" t="s">
        <v>210</v>
      </c>
      <c r="J87" s="48" t="s">
        <v>211</v>
      </c>
      <c r="K87" s="49"/>
    </row>
    <row r="88" spans="1:11" s="26" customFormat="1" ht="12.75" customHeight="1" x14ac:dyDescent="0.15">
      <c r="A88" s="5">
        <v>87</v>
      </c>
      <c r="B88" s="24" t="s">
        <v>375</v>
      </c>
      <c r="C88" s="31" t="s">
        <v>381</v>
      </c>
      <c r="D88" s="31" t="s">
        <v>215</v>
      </c>
      <c r="E88" s="25" t="s">
        <v>6</v>
      </c>
      <c r="F88" s="6" t="s">
        <v>6</v>
      </c>
      <c r="G88" s="41" t="s">
        <v>217</v>
      </c>
      <c r="H88" s="30" t="s">
        <v>218</v>
      </c>
      <c r="I88" s="48" t="s">
        <v>210</v>
      </c>
      <c r="J88" s="48" t="s">
        <v>211</v>
      </c>
      <c r="K88" s="49"/>
    </row>
    <row r="89" spans="1:11" s="9" customFormat="1" ht="12.75" customHeight="1" x14ac:dyDescent="0.15">
      <c r="A89" s="5">
        <v>88</v>
      </c>
      <c r="B89" s="3" t="s">
        <v>375</v>
      </c>
      <c r="C89" s="31" t="s">
        <v>381</v>
      </c>
      <c r="D89" s="32" t="s">
        <v>216</v>
      </c>
      <c r="E89" s="8" t="s">
        <v>6</v>
      </c>
      <c r="F89" s="7" t="s">
        <v>6</v>
      </c>
      <c r="G89" s="42" t="s">
        <v>217</v>
      </c>
      <c r="H89" s="33" t="s">
        <v>218</v>
      </c>
      <c r="I89" s="46" t="s">
        <v>210</v>
      </c>
      <c r="J89" s="46" t="s">
        <v>211</v>
      </c>
      <c r="K89" s="52"/>
    </row>
  </sheetData>
  <phoneticPr fontId="1"/>
  <printOptions horizontalCentered="1"/>
  <pageMargins left="0.31496062992125984" right="0.31496062992125984" top="0.74803149606299213" bottom="0.74803149606299213" header="0.31496062992125984" footer="0.31496062992125984"/>
  <pageSetup paperSize="8" scale="72" fitToWidth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受託加工企業一覧</vt:lpstr>
      <vt:lpstr>受託加工企業一覧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980340</dc:creator>
  <cp:lastModifiedBy>Windows ユーザー</cp:lastModifiedBy>
  <cp:lastPrinted>2018-08-29T07:06:14Z</cp:lastPrinted>
  <dcterms:created xsi:type="dcterms:W3CDTF">2016-09-11T23:41:56Z</dcterms:created>
  <dcterms:modified xsi:type="dcterms:W3CDTF">2019-04-24T05:12:26Z</dcterms:modified>
</cp:coreProperties>
</file>